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0203\Desktop\令和２年度版練習問題チェック改訂用\"/>
    </mc:Choice>
  </mc:AlternateContent>
  <bookViews>
    <workbookView xWindow="0" yWindow="0" windowWidth="20490" windowHeight="7530" activeTab="2"/>
  </bookViews>
  <sheets>
    <sheet name="読み" sheetId="10" r:id="rId1"/>
    <sheet name="書き" sheetId="9" r:id="rId2"/>
    <sheet name="書き・読みセット" sheetId="11" r:id="rId3"/>
  </sheets>
  <calcPr calcId="125725"/>
</workbook>
</file>

<file path=xl/sharedStrings.xml><?xml version="1.0" encoding="utf-8"?>
<sst xmlns="http://schemas.openxmlformats.org/spreadsheetml/2006/main" count="800" uniqueCount="411">
  <si>
    <r>
      <t>草花の種子が</t>
    </r>
    <r>
      <rPr>
        <b/>
        <u/>
        <sz val="14"/>
        <rFont val="HGP教科書体"/>
        <family val="1"/>
        <charset val="128"/>
      </rPr>
      <t>発芽</t>
    </r>
    <r>
      <rPr>
        <sz val="14"/>
        <rFont val="HGP教科書体"/>
        <family val="1"/>
        <charset val="128"/>
      </rPr>
      <t>する。</t>
    </r>
    <rPh sb="0" eb="2">
      <t>くさばな</t>
    </rPh>
    <rPh sb="3" eb="5">
      <t>しゅし</t>
    </rPh>
    <rPh sb="6" eb="8">
      <t>はつが</t>
    </rPh>
    <phoneticPr fontId="3" type="Hiragana"/>
  </si>
  <si>
    <r>
      <t>会社を</t>
    </r>
    <r>
      <rPr>
        <b/>
        <u/>
        <sz val="14"/>
        <rFont val="HGP教科書体"/>
        <family val="1"/>
        <charset val="128"/>
      </rPr>
      <t>共同</t>
    </r>
    <r>
      <rPr>
        <sz val="14"/>
        <rFont val="HGP教科書体"/>
        <family val="1"/>
        <charset val="128"/>
      </rPr>
      <t>でつくる。</t>
    </r>
    <rPh sb="0" eb="2">
      <t>かいしゃ</t>
    </rPh>
    <rPh sb="3" eb="5">
      <t>きょうどう</t>
    </rPh>
    <phoneticPr fontId="3" type="Hiragana"/>
  </si>
  <si>
    <r>
      <t>生物の研究に</t>
    </r>
    <r>
      <rPr>
        <b/>
        <u/>
        <sz val="14"/>
        <rFont val="HGP教科書体"/>
        <family val="1"/>
        <charset val="128"/>
      </rPr>
      <t>努</t>
    </r>
    <r>
      <rPr>
        <sz val="14"/>
        <rFont val="HGP教科書体"/>
        <family val="1"/>
        <charset val="128"/>
      </rPr>
      <t>める。</t>
    </r>
    <rPh sb="0" eb="2">
      <t>せいぶつ</t>
    </rPh>
    <rPh sb="3" eb="5">
      <t>けんきゅう</t>
    </rPh>
    <rPh sb="6" eb="7">
      <t>つと</t>
    </rPh>
    <phoneticPr fontId="3" type="Hiragana"/>
  </si>
  <si>
    <r>
      <t>サッカー大会に</t>
    </r>
    <r>
      <rPr>
        <b/>
        <u/>
        <sz val="14"/>
        <rFont val="HGP教科書体"/>
        <family val="1"/>
        <charset val="128"/>
      </rPr>
      <t>参加</t>
    </r>
    <r>
      <rPr>
        <sz val="14"/>
        <rFont val="HGP教科書体"/>
        <family val="1"/>
        <charset val="128"/>
      </rPr>
      <t>する。</t>
    </r>
    <rPh sb="4" eb="6">
      <t>たいかい</t>
    </rPh>
    <rPh sb="7" eb="9">
      <t>さんか</t>
    </rPh>
    <phoneticPr fontId="3" type="Hiragana"/>
  </si>
  <si>
    <r>
      <rPr>
        <b/>
        <u/>
        <sz val="14"/>
        <rFont val="HGP教科書体"/>
        <family val="1"/>
        <charset val="128"/>
      </rPr>
      <t>昨年</t>
    </r>
    <r>
      <rPr>
        <sz val="14"/>
        <rFont val="HGP教科書体"/>
        <family val="1"/>
        <charset val="128"/>
      </rPr>
      <t>のことを思い出す。</t>
    </r>
    <rPh sb="0" eb="2">
      <t>サクネン</t>
    </rPh>
    <rPh sb="6" eb="7">
      <t>オモ</t>
    </rPh>
    <rPh sb="8" eb="9">
      <t>ダ</t>
    </rPh>
    <phoneticPr fontId="2"/>
  </si>
  <si>
    <r>
      <t>プリントを</t>
    </r>
    <r>
      <rPr>
        <b/>
        <u/>
        <sz val="14"/>
        <rFont val="HGP教科書体"/>
        <family val="1"/>
        <charset val="128"/>
      </rPr>
      <t>印刷</t>
    </r>
    <r>
      <rPr>
        <sz val="14"/>
        <rFont val="HGP教科書体"/>
        <family val="1"/>
        <charset val="128"/>
      </rPr>
      <t>する。</t>
    </r>
    <rPh sb="5" eb="7">
      <t>インサツ</t>
    </rPh>
    <phoneticPr fontId="2"/>
  </si>
  <si>
    <r>
      <t>外国に</t>
    </r>
    <r>
      <rPr>
        <b/>
        <u/>
        <sz val="14"/>
        <rFont val="HGP教科書体"/>
        <family val="1"/>
        <charset val="128"/>
      </rPr>
      <t>関心</t>
    </r>
    <r>
      <rPr>
        <sz val="14"/>
        <rFont val="HGP教科書体"/>
        <family val="1"/>
        <charset val="128"/>
      </rPr>
      <t>を持つ。</t>
    </r>
    <rPh sb="0" eb="2">
      <t>がいこく</t>
    </rPh>
    <rPh sb="3" eb="5">
      <t>かんしん</t>
    </rPh>
    <rPh sb="6" eb="7">
      <t>も</t>
    </rPh>
    <phoneticPr fontId="3" type="Hiragana"/>
  </si>
  <si>
    <r>
      <t>父と</t>
    </r>
    <r>
      <rPr>
        <b/>
        <u/>
        <sz val="14"/>
        <rFont val="HGP教科書体"/>
        <family val="1"/>
        <charset val="128"/>
      </rPr>
      <t>約束</t>
    </r>
    <r>
      <rPr>
        <sz val="14"/>
        <rFont val="HGP教科書体"/>
        <family val="1"/>
        <charset val="128"/>
      </rPr>
      <t>した。</t>
    </r>
    <rPh sb="0" eb="1">
      <t>ちち</t>
    </rPh>
    <rPh sb="2" eb="4">
      <t>やくそく</t>
    </rPh>
    <phoneticPr fontId="3" type="Hiragana"/>
  </si>
  <si>
    <r>
      <t>水が</t>
    </r>
    <r>
      <rPr>
        <b/>
        <u/>
        <sz val="14"/>
        <rFont val="HGP教科書体"/>
        <family val="1"/>
        <charset val="128"/>
      </rPr>
      <t>必要</t>
    </r>
    <r>
      <rPr>
        <sz val="14"/>
        <rFont val="HGP教科書体"/>
        <family val="1"/>
        <charset val="128"/>
      </rPr>
      <t>だ。</t>
    </r>
    <rPh sb="0" eb="1">
      <t>みず</t>
    </rPh>
    <rPh sb="2" eb="4">
      <t>ひつよう</t>
    </rPh>
    <phoneticPr fontId="3" type="Hiragana"/>
  </si>
  <si>
    <r>
      <t>近所の</t>
    </r>
    <r>
      <rPr>
        <b/>
        <u/>
        <sz val="14"/>
        <rFont val="HGP教科書体"/>
        <family val="1"/>
        <charset val="128"/>
      </rPr>
      <t>材木屋</t>
    </r>
    <r>
      <rPr>
        <sz val="14"/>
        <rFont val="HGP教科書体"/>
        <family val="1"/>
        <charset val="128"/>
      </rPr>
      <t>へ行く。</t>
    </r>
    <rPh sb="0" eb="2">
      <t>きんじょ</t>
    </rPh>
    <rPh sb="3" eb="5">
      <t>ざいもく</t>
    </rPh>
    <rPh sb="5" eb="6">
      <t>や</t>
    </rPh>
    <rPh sb="7" eb="8">
      <t>い</t>
    </rPh>
    <phoneticPr fontId="3" type="Hiragana"/>
  </si>
  <si>
    <r>
      <t>テストの</t>
    </r>
    <r>
      <rPr>
        <b/>
        <u/>
        <sz val="14"/>
        <rFont val="HGP教科書体"/>
        <family val="1"/>
        <charset val="128"/>
      </rPr>
      <t>結果</t>
    </r>
    <r>
      <rPr>
        <sz val="14"/>
        <rFont val="HGP教科書体"/>
        <family val="1"/>
        <charset val="128"/>
      </rPr>
      <t>を聞く。</t>
    </r>
    <rPh sb="4" eb="6">
      <t>けっか</t>
    </rPh>
    <rPh sb="7" eb="8">
      <t>き</t>
    </rPh>
    <phoneticPr fontId="3" type="Hiragana"/>
  </si>
  <si>
    <r>
      <rPr>
        <b/>
        <u/>
        <sz val="14"/>
        <rFont val="HGP教科書体"/>
        <family val="1"/>
        <charset val="128"/>
      </rPr>
      <t>順番</t>
    </r>
    <r>
      <rPr>
        <sz val="14"/>
        <rFont val="HGP教科書体"/>
        <family val="1"/>
        <charset val="128"/>
      </rPr>
      <t>にならぶ。</t>
    </r>
    <rPh sb="0" eb="2">
      <t>じゅんばん</t>
    </rPh>
    <phoneticPr fontId="3" type="Hiragana"/>
  </si>
  <si>
    <r>
      <t>二月三日は</t>
    </r>
    <r>
      <rPr>
        <b/>
        <u/>
        <sz val="14"/>
        <rFont val="HGP教科書体"/>
        <family val="1"/>
        <charset val="128"/>
      </rPr>
      <t>節分</t>
    </r>
    <r>
      <rPr>
        <sz val="14"/>
        <rFont val="HGP教科書体"/>
        <family val="1"/>
        <charset val="128"/>
      </rPr>
      <t>の日。</t>
    </r>
    <rPh sb="0" eb="1">
      <t>2</t>
    </rPh>
    <rPh sb="1" eb="2">
      <t>がつ</t>
    </rPh>
    <rPh sb="2" eb="4">
      <t>みっか</t>
    </rPh>
    <rPh sb="5" eb="7">
      <t>せつぶん</t>
    </rPh>
    <rPh sb="8" eb="9">
      <t>ひ</t>
    </rPh>
    <phoneticPr fontId="3" type="Hiragana"/>
  </si>
  <si>
    <r>
      <t>春夏秋冬を</t>
    </r>
    <r>
      <rPr>
        <b/>
        <u/>
        <sz val="14"/>
        <rFont val="HGP教科書体"/>
        <family val="1"/>
        <charset val="128"/>
      </rPr>
      <t>四季</t>
    </r>
    <r>
      <rPr>
        <sz val="14"/>
        <rFont val="HGP教科書体"/>
        <family val="1"/>
        <charset val="128"/>
      </rPr>
      <t>という。</t>
    </r>
    <rPh sb="0" eb="4">
      <t>しゅんかしゅうとう</t>
    </rPh>
    <rPh sb="5" eb="7">
      <t>しき</t>
    </rPh>
    <phoneticPr fontId="3" type="Hiragana"/>
  </si>
  <si>
    <r>
      <rPr>
        <b/>
        <u/>
        <sz val="14"/>
        <rFont val="HGP教科書体"/>
        <family val="1"/>
        <charset val="128"/>
      </rPr>
      <t>例外</t>
    </r>
    <r>
      <rPr>
        <sz val="14"/>
        <rFont val="HGP教科書体"/>
        <family val="1"/>
        <charset val="128"/>
      </rPr>
      <t>としてみとめる。</t>
    </r>
    <rPh sb="0" eb="2">
      <t>れいがい</t>
    </rPh>
    <phoneticPr fontId="3" type="Hiragana"/>
  </si>
  <si>
    <r>
      <t>かき</t>
    </r>
    <r>
      <rPr>
        <b/>
        <u/>
        <sz val="14"/>
        <rFont val="HGP教科書体"/>
        <family val="1"/>
        <charset val="128"/>
      </rPr>
      <t>以外</t>
    </r>
    <r>
      <rPr>
        <sz val="14"/>
        <rFont val="HGP教科書体"/>
        <family val="1"/>
        <charset val="128"/>
      </rPr>
      <t>は、何でも食べる。</t>
    </r>
    <rPh sb="2" eb="4">
      <t>いがい</t>
    </rPh>
    <rPh sb="6" eb="7">
      <t>なん</t>
    </rPh>
    <rPh sb="9" eb="10">
      <t>た</t>
    </rPh>
    <phoneticPr fontId="3" type="Hiragana"/>
  </si>
  <si>
    <r>
      <t>最</t>
    </r>
    <r>
      <rPr>
        <sz val="14"/>
        <rFont val="HGP教科書体"/>
        <family val="1"/>
        <charset val="128"/>
      </rPr>
      <t>も足が速い</t>
    </r>
    <r>
      <rPr>
        <b/>
        <sz val="14"/>
        <rFont val="HGP教科書体"/>
        <family val="1"/>
        <charset val="128"/>
      </rPr>
      <t>。</t>
    </r>
    <rPh sb="0" eb="1">
      <t>もっと</t>
    </rPh>
    <rPh sb="2" eb="3">
      <t>あし</t>
    </rPh>
    <rPh sb="4" eb="5">
      <t>はや</t>
    </rPh>
    <phoneticPr fontId="3" type="Hiragana"/>
  </si>
  <si>
    <r>
      <rPr>
        <b/>
        <u/>
        <sz val="14"/>
        <rFont val="HGP教科書体"/>
        <family val="1"/>
        <charset val="128"/>
      </rPr>
      <t>松竹梅</t>
    </r>
    <r>
      <rPr>
        <sz val="14"/>
        <rFont val="HGP教科書体"/>
        <family val="1"/>
        <charset val="128"/>
      </rPr>
      <t>。</t>
    </r>
    <rPh sb="0" eb="3">
      <t>しょうちくばい</t>
    </rPh>
    <phoneticPr fontId="3" type="Hiragana"/>
  </si>
  <si>
    <r>
      <t>ろう下は</t>
    </r>
    <r>
      <rPr>
        <b/>
        <u/>
        <sz val="14"/>
        <rFont val="HGP教科書体"/>
        <family val="1"/>
        <charset val="128"/>
      </rPr>
      <t>静</t>
    </r>
    <r>
      <rPr>
        <sz val="14"/>
        <rFont val="HGP教科書体"/>
        <family val="1"/>
        <charset val="128"/>
      </rPr>
      <t>かに歩く。</t>
    </r>
    <rPh sb="2" eb="3">
      <t>した</t>
    </rPh>
    <rPh sb="4" eb="5">
      <t>しず</t>
    </rPh>
    <rPh sb="7" eb="8">
      <t>ある</t>
    </rPh>
    <phoneticPr fontId="3" type="Hiragana"/>
  </si>
  <si>
    <r>
      <rPr>
        <b/>
        <u/>
        <sz val="14"/>
        <rFont val="HGP教科書体"/>
        <family val="1"/>
        <charset val="128"/>
      </rPr>
      <t>園芸</t>
    </r>
    <r>
      <rPr>
        <sz val="14"/>
        <rFont val="HGP教科書体"/>
        <family val="1"/>
        <charset val="128"/>
      </rPr>
      <t>にきょう味を持つ。</t>
    </r>
    <rPh sb="0" eb="2">
      <t>えんげい</t>
    </rPh>
    <rPh sb="6" eb="7">
      <t>あじ</t>
    </rPh>
    <rPh sb="8" eb="9">
      <t>も</t>
    </rPh>
    <phoneticPr fontId="3" type="Hiragana"/>
  </si>
  <si>
    <r>
      <t>げきの</t>
    </r>
    <r>
      <rPr>
        <b/>
        <u/>
        <sz val="14"/>
        <rFont val="HGP教科書体"/>
        <family val="1"/>
        <charset val="128"/>
      </rPr>
      <t>照明</t>
    </r>
    <r>
      <rPr>
        <sz val="14"/>
        <rFont val="HGP教科書体"/>
        <family val="1"/>
        <charset val="128"/>
      </rPr>
      <t>を担当する。</t>
    </r>
    <rPh sb="3" eb="5">
      <t>しょうめい</t>
    </rPh>
    <rPh sb="6" eb="8">
      <t>たんとう</t>
    </rPh>
    <phoneticPr fontId="3" type="Hiragana"/>
  </si>
  <si>
    <r>
      <t>エジソンの</t>
    </r>
    <r>
      <rPr>
        <b/>
        <u/>
        <sz val="14"/>
        <rFont val="HGP教科書体"/>
        <family val="1"/>
        <charset val="128"/>
      </rPr>
      <t>伝記</t>
    </r>
    <r>
      <rPr>
        <sz val="14"/>
        <rFont val="HGP教科書体"/>
        <family val="1"/>
        <charset val="128"/>
      </rPr>
      <t>を読む。</t>
    </r>
    <rPh sb="5" eb="7">
      <t>でんき</t>
    </rPh>
    <rPh sb="8" eb="9">
      <t>よ</t>
    </rPh>
    <phoneticPr fontId="3" type="Hiragana"/>
  </si>
  <si>
    <r>
      <t>工場の</t>
    </r>
    <r>
      <rPr>
        <b/>
        <u/>
        <sz val="14"/>
        <rFont val="HGP教科書体"/>
        <family val="1"/>
        <charset val="128"/>
      </rPr>
      <t>説明</t>
    </r>
    <r>
      <rPr>
        <sz val="14"/>
        <rFont val="HGP教科書体"/>
        <family val="1"/>
        <charset val="128"/>
      </rPr>
      <t>をする。</t>
    </r>
    <rPh sb="0" eb="2">
      <t>こうじょう</t>
    </rPh>
    <rPh sb="3" eb="5">
      <t>せつめい</t>
    </rPh>
    <phoneticPr fontId="3" type="Hiragana"/>
  </si>
  <si>
    <r>
      <t>たんすの</t>
    </r>
    <r>
      <rPr>
        <b/>
        <u/>
        <sz val="14"/>
        <rFont val="HGP教科書体"/>
        <family val="1"/>
        <charset val="128"/>
      </rPr>
      <t>位置</t>
    </r>
    <r>
      <rPr>
        <sz val="14"/>
        <rFont val="HGP教科書体"/>
        <family val="1"/>
        <charset val="128"/>
      </rPr>
      <t>を動かす。</t>
    </r>
    <rPh sb="4" eb="6">
      <t>イチ</t>
    </rPh>
    <rPh sb="7" eb="8">
      <t>ウゴ</t>
    </rPh>
    <phoneticPr fontId="2"/>
  </si>
  <si>
    <r>
      <t>歌声を</t>
    </r>
    <r>
      <rPr>
        <b/>
        <u/>
        <sz val="14"/>
        <rFont val="HGP教科書体"/>
        <family val="1"/>
        <charset val="128"/>
      </rPr>
      <t>録音</t>
    </r>
    <r>
      <rPr>
        <sz val="14"/>
        <rFont val="HGP教科書体"/>
        <family val="1"/>
        <charset val="128"/>
      </rPr>
      <t>する。</t>
    </r>
    <rPh sb="0" eb="2">
      <t>ウタゴエ</t>
    </rPh>
    <rPh sb="3" eb="5">
      <t>ロクオン</t>
    </rPh>
    <phoneticPr fontId="2"/>
  </si>
  <si>
    <r>
      <rPr>
        <b/>
        <u/>
        <sz val="14"/>
        <rFont val="HGP教科書体"/>
        <family val="1"/>
        <charset val="128"/>
      </rPr>
      <t>機械</t>
    </r>
    <r>
      <rPr>
        <sz val="14"/>
        <rFont val="HGP教科書体"/>
        <family val="1"/>
        <charset val="128"/>
      </rPr>
      <t>の動かし方を教わる。</t>
    </r>
    <rPh sb="0" eb="2">
      <t>キカイ</t>
    </rPh>
    <rPh sb="3" eb="4">
      <t>ウゴ</t>
    </rPh>
    <rPh sb="6" eb="7">
      <t>カタ</t>
    </rPh>
    <rPh sb="8" eb="9">
      <t>オソ</t>
    </rPh>
    <phoneticPr fontId="2"/>
  </si>
  <si>
    <r>
      <t>色々な</t>
    </r>
    <r>
      <rPr>
        <b/>
        <u/>
        <sz val="14"/>
        <rFont val="HGP教科書体"/>
        <family val="1"/>
        <charset val="128"/>
      </rPr>
      <t>種類</t>
    </r>
    <r>
      <rPr>
        <sz val="14"/>
        <rFont val="HGP教科書体"/>
        <family val="1"/>
        <charset val="128"/>
      </rPr>
      <t>の動物。</t>
    </r>
    <rPh sb="0" eb="2">
      <t>イロイロ</t>
    </rPh>
    <rPh sb="3" eb="5">
      <t>シュルイ</t>
    </rPh>
    <rPh sb="6" eb="8">
      <t>ドウブツ</t>
    </rPh>
    <phoneticPr fontId="2"/>
  </si>
  <si>
    <r>
      <t>印西市から</t>
    </r>
    <r>
      <rPr>
        <b/>
        <u/>
        <sz val="14"/>
        <rFont val="HGP教科書体"/>
        <family val="1"/>
        <charset val="128"/>
      </rPr>
      <t>大臣</t>
    </r>
    <r>
      <rPr>
        <sz val="14"/>
        <rFont val="HGP教科書体"/>
        <family val="1"/>
        <charset val="128"/>
      </rPr>
      <t>が出る。</t>
    </r>
    <rPh sb="0" eb="3">
      <t>インザイシ</t>
    </rPh>
    <rPh sb="5" eb="7">
      <t>ダイジン</t>
    </rPh>
    <rPh sb="8" eb="9">
      <t>デ</t>
    </rPh>
    <phoneticPr fontId="2"/>
  </si>
  <si>
    <r>
      <rPr>
        <b/>
        <u/>
        <sz val="14"/>
        <rFont val="HGP教科書体"/>
        <family val="1"/>
        <charset val="128"/>
      </rPr>
      <t>半径</t>
    </r>
    <r>
      <rPr>
        <sz val="14"/>
        <rFont val="HGP教科書体"/>
        <family val="1"/>
        <charset val="128"/>
      </rPr>
      <t>二メートルの円。</t>
    </r>
    <rPh sb="0" eb="2">
      <t>ハンケイ</t>
    </rPh>
    <rPh sb="2" eb="3">
      <t>2</t>
    </rPh>
    <rPh sb="8" eb="9">
      <t>エン</t>
    </rPh>
    <phoneticPr fontId="2"/>
  </si>
  <si>
    <r>
      <t>父はけいさつ</t>
    </r>
    <r>
      <rPr>
        <b/>
        <u/>
        <sz val="14"/>
        <rFont val="HGP教科書体"/>
        <family val="1"/>
        <charset val="128"/>
      </rPr>
      <t>官</t>
    </r>
    <r>
      <rPr>
        <sz val="14"/>
        <rFont val="HGP教科書体"/>
        <family val="1"/>
        <charset val="128"/>
      </rPr>
      <t>だ。</t>
    </r>
    <rPh sb="0" eb="1">
      <t>チチ</t>
    </rPh>
    <rPh sb="6" eb="7">
      <t>カン</t>
    </rPh>
    <phoneticPr fontId="2"/>
  </si>
  <si>
    <r>
      <t>山の</t>
    </r>
    <r>
      <rPr>
        <b/>
        <u/>
        <sz val="14"/>
        <rFont val="HGP教科書体"/>
        <family val="1"/>
        <charset val="128"/>
      </rPr>
      <t>天然水</t>
    </r>
    <r>
      <rPr>
        <sz val="14"/>
        <rFont val="HGP教科書体"/>
        <family val="1"/>
        <charset val="128"/>
      </rPr>
      <t>を飲む。</t>
    </r>
    <rPh sb="0" eb="1">
      <t>ヤマ</t>
    </rPh>
    <rPh sb="2" eb="5">
      <t>テンネンスイ</t>
    </rPh>
    <rPh sb="6" eb="7">
      <t>ノ</t>
    </rPh>
    <phoneticPr fontId="2"/>
  </si>
  <si>
    <r>
      <t>千葉県の</t>
    </r>
    <r>
      <rPr>
        <b/>
        <u/>
        <sz val="14"/>
        <rFont val="HGP教科書体"/>
        <family val="1"/>
        <charset val="128"/>
      </rPr>
      <t>産業</t>
    </r>
    <r>
      <rPr>
        <sz val="14"/>
        <rFont val="HGP教科書体"/>
        <family val="1"/>
        <charset val="128"/>
      </rPr>
      <t>。</t>
    </r>
    <rPh sb="0" eb="3">
      <t>チバケン</t>
    </rPh>
    <rPh sb="4" eb="6">
      <t>サンギョウ</t>
    </rPh>
    <phoneticPr fontId="2"/>
  </si>
  <si>
    <r>
      <t>会議の</t>
    </r>
    <r>
      <rPr>
        <b/>
        <u/>
        <sz val="14"/>
        <rFont val="HGP教科書体"/>
        <family val="1"/>
        <charset val="128"/>
      </rPr>
      <t>出欠</t>
    </r>
    <r>
      <rPr>
        <sz val="14"/>
        <rFont val="HGP教科書体"/>
        <family val="1"/>
        <charset val="128"/>
      </rPr>
      <t>を調べる。</t>
    </r>
    <rPh sb="0" eb="2">
      <t>カイギ</t>
    </rPh>
    <rPh sb="3" eb="5">
      <t>シュッケツ</t>
    </rPh>
    <rPh sb="6" eb="7">
      <t>チョウ</t>
    </rPh>
    <phoneticPr fontId="2"/>
  </si>
  <si>
    <r>
      <t>問題をとく</t>
    </r>
    <r>
      <rPr>
        <b/>
        <u/>
        <sz val="14"/>
        <rFont val="HGP教科書体"/>
        <family val="1"/>
        <charset val="128"/>
      </rPr>
      <t>方法</t>
    </r>
    <r>
      <rPr>
        <sz val="14"/>
        <rFont val="HGP教科書体"/>
        <family val="1"/>
        <charset val="128"/>
      </rPr>
      <t>。</t>
    </r>
    <rPh sb="0" eb="2">
      <t>モンダイ</t>
    </rPh>
    <rPh sb="5" eb="7">
      <t>ホウホウ</t>
    </rPh>
    <phoneticPr fontId="2"/>
  </si>
  <si>
    <r>
      <t>国語</t>
    </r>
    <r>
      <rPr>
        <b/>
        <u/>
        <sz val="14"/>
        <rFont val="HGP教科書体"/>
        <family val="1"/>
        <charset val="128"/>
      </rPr>
      <t>辞典</t>
    </r>
    <r>
      <rPr>
        <sz val="14"/>
        <rFont val="HGP教科書体"/>
        <family val="1"/>
        <charset val="128"/>
      </rPr>
      <t>をもらった。</t>
    </r>
    <rPh sb="0" eb="2">
      <t>コクゴ</t>
    </rPh>
    <rPh sb="2" eb="4">
      <t>ジテン</t>
    </rPh>
    <phoneticPr fontId="2"/>
  </si>
  <si>
    <r>
      <rPr>
        <b/>
        <u/>
        <sz val="14"/>
        <rFont val="HGP教科書体"/>
        <family val="1"/>
        <charset val="128"/>
      </rPr>
      <t>利息</t>
    </r>
    <r>
      <rPr>
        <sz val="14"/>
        <rFont val="HGP教科書体"/>
        <family val="1"/>
        <charset val="128"/>
      </rPr>
      <t>を計算する。</t>
    </r>
    <rPh sb="0" eb="2">
      <t>リソク</t>
    </rPh>
    <rPh sb="3" eb="5">
      <t>ケイサン</t>
    </rPh>
    <phoneticPr fontId="2"/>
  </si>
  <si>
    <r>
      <t>大きな声で</t>
    </r>
    <r>
      <rPr>
        <b/>
        <u/>
        <sz val="14"/>
        <rFont val="HGP教科書体"/>
        <family val="1"/>
        <charset val="128"/>
      </rPr>
      <t>笑</t>
    </r>
    <r>
      <rPr>
        <sz val="14"/>
        <rFont val="HGP教科書体"/>
        <family val="1"/>
        <charset val="128"/>
      </rPr>
      <t>う。</t>
    </r>
    <rPh sb="0" eb="1">
      <t>オオ</t>
    </rPh>
    <rPh sb="3" eb="4">
      <t>コエ</t>
    </rPh>
    <rPh sb="5" eb="6">
      <t>ワラ</t>
    </rPh>
    <phoneticPr fontId="2"/>
  </si>
  <si>
    <r>
      <t>いつか、みんな年</t>
    </r>
    <r>
      <rPr>
        <b/>
        <u/>
        <sz val="14"/>
        <rFont val="HGP教科書体"/>
        <family val="1"/>
        <charset val="128"/>
      </rPr>
      <t>老</t>
    </r>
    <r>
      <rPr>
        <sz val="14"/>
        <rFont val="HGP教科書体"/>
        <family val="1"/>
        <charset val="128"/>
      </rPr>
      <t>いる。</t>
    </r>
    <rPh sb="7" eb="8">
      <t>トシ</t>
    </rPh>
    <rPh sb="8" eb="9">
      <t>オ</t>
    </rPh>
    <phoneticPr fontId="1"/>
  </si>
  <si>
    <r>
      <t>駅近くにビルを</t>
    </r>
    <r>
      <rPr>
        <b/>
        <u/>
        <sz val="14"/>
        <rFont val="HGP教科書体"/>
        <family val="1"/>
        <charset val="128"/>
      </rPr>
      <t>建</t>
    </r>
    <r>
      <rPr>
        <sz val="14"/>
        <rFont val="HGP教科書体"/>
        <family val="1"/>
        <charset val="128"/>
      </rPr>
      <t>せつする。</t>
    </r>
    <rPh sb="0" eb="1">
      <t>エキ</t>
    </rPh>
    <rPh sb="1" eb="2">
      <t>チカ</t>
    </rPh>
    <rPh sb="7" eb="8">
      <t>ケン</t>
    </rPh>
    <phoneticPr fontId="1"/>
  </si>
  <si>
    <r>
      <t>千の</t>
    </r>
    <r>
      <rPr>
        <b/>
        <u/>
        <sz val="14"/>
        <rFont val="HGP教科書体"/>
        <family val="1"/>
        <charset val="128"/>
      </rPr>
      <t>位</t>
    </r>
    <r>
      <rPr>
        <sz val="14"/>
        <rFont val="HGP教科書体"/>
        <family val="1"/>
        <charset val="128"/>
      </rPr>
      <t>。</t>
    </r>
    <rPh sb="0" eb="1">
      <t>セン</t>
    </rPh>
    <rPh sb="2" eb="3">
      <t>クライ</t>
    </rPh>
    <phoneticPr fontId="1"/>
  </si>
  <si>
    <r>
      <t>答えを</t>
    </r>
    <r>
      <rPr>
        <b/>
        <u/>
        <sz val="14"/>
        <rFont val="HGP教科書体"/>
        <family val="1"/>
        <charset val="128"/>
      </rPr>
      <t>求</t>
    </r>
    <r>
      <rPr>
        <sz val="14"/>
        <rFont val="HGP教科書体"/>
        <family val="1"/>
        <charset val="128"/>
      </rPr>
      <t>める。</t>
    </r>
    <rPh sb="0" eb="1">
      <t>コタ</t>
    </rPh>
    <rPh sb="3" eb="4">
      <t>モト</t>
    </rPh>
    <phoneticPr fontId="1"/>
  </si>
  <si>
    <r>
      <rPr>
        <b/>
        <u/>
        <sz val="14"/>
        <rFont val="HGP教科書体"/>
        <family val="1"/>
        <charset val="128"/>
      </rPr>
      <t>必然的</t>
    </r>
    <r>
      <rPr>
        <sz val="14"/>
        <rFont val="HGP教科書体"/>
        <family val="1"/>
        <charset val="128"/>
      </rPr>
      <t>に体力が落ちる。</t>
    </r>
    <rPh sb="0" eb="3">
      <t>ヒツゼンテキ</t>
    </rPh>
    <rPh sb="4" eb="6">
      <t>タイリョク</t>
    </rPh>
    <rPh sb="7" eb="8">
      <t>オ</t>
    </rPh>
    <phoneticPr fontId="1"/>
  </si>
  <si>
    <r>
      <rPr>
        <b/>
        <u/>
        <sz val="14"/>
        <rFont val="HGP教科書体"/>
        <family val="1"/>
        <charset val="128"/>
      </rPr>
      <t>時差</t>
    </r>
    <r>
      <rPr>
        <sz val="14"/>
        <rFont val="HGP教科書体"/>
        <family val="1"/>
        <charset val="128"/>
      </rPr>
      <t>式の信号。</t>
    </r>
    <rPh sb="0" eb="2">
      <t>ジサ</t>
    </rPh>
    <rPh sb="2" eb="3">
      <t>シキ</t>
    </rPh>
    <rPh sb="4" eb="6">
      <t>シンゴウ</t>
    </rPh>
    <phoneticPr fontId="1"/>
  </si>
  <si>
    <r>
      <rPr>
        <b/>
        <u/>
        <sz val="14"/>
        <rFont val="HGP教科書体"/>
        <family val="1"/>
        <charset val="128"/>
      </rPr>
      <t>衣服</t>
    </r>
    <r>
      <rPr>
        <sz val="14"/>
        <rFont val="HGP教科書体"/>
        <family val="1"/>
        <charset val="128"/>
      </rPr>
      <t>を整える。</t>
    </r>
    <rPh sb="0" eb="2">
      <t>イフク</t>
    </rPh>
    <rPh sb="3" eb="4">
      <t>トトノ</t>
    </rPh>
    <phoneticPr fontId="1"/>
  </si>
  <si>
    <r>
      <rPr>
        <b/>
        <u/>
        <sz val="14"/>
        <rFont val="HGP教科書体"/>
        <family val="1"/>
        <charset val="128"/>
      </rPr>
      <t>児童会</t>
    </r>
    <r>
      <rPr>
        <sz val="14"/>
        <rFont val="HGP教科書体"/>
        <family val="1"/>
        <charset val="128"/>
      </rPr>
      <t>に参加する。</t>
    </r>
    <rPh sb="0" eb="1">
      <t>ジ</t>
    </rPh>
    <rPh sb="1" eb="2">
      <t>ドウ</t>
    </rPh>
    <rPh sb="2" eb="3">
      <t>カイ</t>
    </rPh>
    <rPh sb="4" eb="6">
      <t>サンカ</t>
    </rPh>
    <phoneticPr fontId="1"/>
  </si>
  <si>
    <r>
      <t>一日の行動を</t>
    </r>
    <r>
      <rPr>
        <b/>
        <u/>
        <sz val="14"/>
        <rFont val="HGP教科書体"/>
        <family val="1"/>
        <charset val="128"/>
      </rPr>
      <t>反省</t>
    </r>
    <r>
      <rPr>
        <sz val="14"/>
        <rFont val="HGP教科書体"/>
        <family val="1"/>
        <charset val="128"/>
      </rPr>
      <t>する。</t>
    </r>
    <rPh sb="0" eb="2">
      <t>イチニチ</t>
    </rPh>
    <rPh sb="3" eb="5">
      <t>コウドウ</t>
    </rPh>
    <rPh sb="6" eb="8">
      <t>ハンセイ</t>
    </rPh>
    <phoneticPr fontId="1"/>
  </si>
  <si>
    <r>
      <t>小学校を</t>
    </r>
    <r>
      <rPr>
        <b/>
        <u/>
        <sz val="14"/>
        <rFont val="HGP教科書体"/>
        <family val="1"/>
        <charset val="128"/>
      </rPr>
      <t>卒業</t>
    </r>
    <r>
      <rPr>
        <sz val="14"/>
        <rFont val="HGP教科書体"/>
        <family val="1"/>
        <charset val="128"/>
      </rPr>
      <t>する。</t>
    </r>
    <rPh sb="0" eb="3">
      <t>ショウガッコウ</t>
    </rPh>
    <rPh sb="4" eb="6">
      <t>ソツギョウ</t>
    </rPh>
    <phoneticPr fontId="1"/>
  </si>
  <si>
    <r>
      <t>王様が国を</t>
    </r>
    <r>
      <rPr>
        <b/>
        <u/>
        <sz val="14"/>
        <rFont val="HGP教科書体"/>
        <family val="1"/>
        <charset val="128"/>
      </rPr>
      <t>治</t>
    </r>
    <r>
      <rPr>
        <sz val="14"/>
        <rFont val="HGP教科書体"/>
        <family val="1"/>
        <charset val="128"/>
      </rPr>
      <t>める。</t>
    </r>
    <rPh sb="0" eb="2">
      <t>オウサマ</t>
    </rPh>
    <rPh sb="3" eb="4">
      <t>クニ</t>
    </rPh>
    <rPh sb="5" eb="6">
      <t>オサ</t>
    </rPh>
    <phoneticPr fontId="1"/>
  </si>
  <si>
    <r>
      <t>今日のテストは</t>
    </r>
    <r>
      <rPr>
        <b/>
        <u/>
        <sz val="14"/>
        <rFont val="HGP教科書体"/>
        <family val="1"/>
        <charset val="128"/>
      </rPr>
      <t>自信</t>
    </r>
    <r>
      <rPr>
        <sz val="14"/>
        <rFont val="HGP教科書体"/>
        <family val="1"/>
        <charset val="128"/>
      </rPr>
      <t>がある。</t>
    </r>
    <rPh sb="0" eb="2">
      <t>キョウ</t>
    </rPh>
    <rPh sb="7" eb="9">
      <t>ジシン</t>
    </rPh>
    <phoneticPr fontId="1"/>
  </si>
  <si>
    <r>
      <t>音読みと</t>
    </r>
    <r>
      <rPr>
        <b/>
        <u/>
        <sz val="14"/>
        <rFont val="HGP教科書体"/>
        <family val="1"/>
        <charset val="128"/>
      </rPr>
      <t>訓</t>
    </r>
    <r>
      <rPr>
        <sz val="14"/>
        <rFont val="HGP教科書体"/>
        <family val="1"/>
        <charset val="128"/>
      </rPr>
      <t>読み。</t>
    </r>
    <rPh sb="0" eb="2">
      <t>おんよ</t>
    </rPh>
    <rPh sb="4" eb="5">
      <t>くん</t>
    </rPh>
    <rPh sb="5" eb="6">
      <t>よ</t>
    </rPh>
    <phoneticPr fontId="3" type="Hiragana"/>
  </si>
  <si>
    <r>
      <t>オーロラを</t>
    </r>
    <r>
      <rPr>
        <b/>
        <u/>
        <sz val="14"/>
        <rFont val="HGP教科書体"/>
        <family val="1"/>
        <charset val="128"/>
      </rPr>
      <t>初</t>
    </r>
    <r>
      <rPr>
        <sz val="14"/>
        <rFont val="HGP教科書体"/>
        <family val="1"/>
        <charset val="128"/>
      </rPr>
      <t>めて見る。</t>
    </r>
    <rPh sb="5" eb="6">
      <t>ハジ</t>
    </rPh>
    <rPh sb="8" eb="9">
      <t>ミ</t>
    </rPh>
    <phoneticPr fontId="1"/>
  </si>
  <si>
    <r>
      <t>小学生</t>
    </r>
    <r>
      <rPr>
        <b/>
        <u/>
        <sz val="14"/>
        <rFont val="HGP教科書体"/>
        <family val="1"/>
        <charset val="128"/>
      </rPr>
      <t>未満</t>
    </r>
    <r>
      <rPr>
        <sz val="14"/>
        <rFont val="HGP教科書体"/>
        <family val="1"/>
        <charset val="128"/>
      </rPr>
      <t>は入れません。</t>
    </r>
    <rPh sb="0" eb="3">
      <t>ショウガクセイ</t>
    </rPh>
    <rPh sb="3" eb="5">
      <t>ミマン</t>
    </rPh>
    <rPh sb="6" eb="7">
      <t>ハイ</t>
    </rPh>
    <phoneticPr fontId="1"/>
  </si>
  <si>
    <r>
      <rPr>
        <sz val="14"/>
        <rFont val="HGP教科書体"/>
        <family val="1"/>
        <charset val="128"/>
      </rPr>
      <t>アサガオの</t>
    </r>
    <r>
      <rPr>
        <b/>
        <u/>
        <sz val="14"/>
        <rFont val="HGP教科書体"/>
        <family val="1"/>
        <charset val="128"/>
      </rPr>
      <t>芽</t>
    </r>
    <r>
      <rPr>
        <sz val="14"/>
        <rFont val="HGP教科書体"/>
        <family val="1"/>
        <charset val="128"/>
      </rPr>
      <t>が出る。</t>
    </r>
    <rPh sb="5" eb="6">
      <t>メ</t>
    </rPh>
    <rPh sb="7" eb="8">
      <t>デ</t>
    </rPh>
    <phoneticPr fontId="1"/>
  </si>
  <si>
    <r>
      <t>念仏を</t>
    </r>
    <r>
      <rPr>
        <b/>
        <u/>
        <sz val="14"/>
        <rFont val="HGP教科書体"/>
        <family val="1"/>
        <charset val="128"/>
      </rPr>
      <t>唱</t>
    </r>
    <r>
      <rPr>
        <sz val="14"/>
        <rFont val="HGP教科書体"/>
        <family val="1"/>
        <charset val="128"/>
      </rPr>
      <t>える。</t>
    </r>
    <rPh sb="0" eb="2">
      <t>ネンブツ</t>
    </rPh>
    <rPh sb="3" eb="4">
      <t>トナ</t>
    </rPh>
    <phoneticPr fontId="1"/>
  </si>
  <si>
    <r>
      <t>昔話を</t>
    </r>
    <r>
      <rPr>
        <b/>
        <u/>
        <sz val="14"/>
        <rFont val="HGP教科書体"/>
        <family val="1"/>
        <charset val="128"/>
      </rPr>
      <t>伝</t>
    </r>
    <r>
      <rPr>
        <sz val="14"/>
        <rFont val="HGP教科書体"/>
        <family val="1"/>
        <charset val="128"/>
      </rPr>
      <t>える。</t>
    </r>
    <rPh sb="0" eb="2">
      <t>ムカシバナシ</t>
    </rPh>
    <rPh sb="3" eb="4">
      <t>ツタ</t>
    </rPh>
    <phoneticPr fontId="1"/>
  </si>
  <si>
    <r>
      <t>明日は</t>
    </r>
    <r>
      <rPr>
        <b/>
        <u/>
        <sz val="14"/>
        <rFont val="HGP教科書体"/>
        <family val="1"/>
        <charset val="128"/>
      </rPr>
      <t>祝日</t>
    </r>
    <r>
      <rPr>
        <sz val="14"/>
        <rFont val="HGP教科書体"/>
        <family val="1"/>
        <charset val="128"/>
      </rPr>
      <t>で休みだ。</t>
    </r>
    <rPh sb="0" eb="2">
      <t>アシタ</t>
    </rPh>
    <rPh sb="3" eb="5">
      <t>シュクジツ</t>
    </rPh>
    <rPh sb="6" eb="7">
      <t>ヤス</t>
    </rPh>
    <phoneticPr fontId="1"/>
  </si>
  <si>
    <r>
      <t>給食を</t>
    </r>
    <r>
      <rPr>
        <b/>
        <u/>
        <sz val="14"/>
        <rFont val="HGP教科書体"/>
        <family val="1"/>
        <charset val="128"/>
      </rPr>
      <t>残</t>
    </r>
    <r>
      <rPr>
        <sz val="14"/>
        <rFont val="HGP教科書体"/>
        <family val="1"/>
        <charset val="128"/>
      </rPr>
      <t>す。</t>
    </r>
    <rPh sb="0" eb="2">
      <t>キュウショク</t>
    </rPh>
    <rPh sb="3" eb="4">
      <t>ノコ</t>
    </rPh>
    <phoneticPr fontId="1"/>
  </si>
  <si>
    <r>
      <t>日が強く</t>
    </r>
    <r>
      <rPr>
        <b/>
        <u/>
        <sz val="14"/>
        <rFont val="HGP教科書体"/>
        <family val="1"/>
        <charset val="128"/>
      </rPr>
      <t>照</t>
    </r>
    <r>
      <rPr>
        <sz val="14"/>
        <rFont val="HGP教科書体"/>
        <family val="1"/>
        <charset val="128"/>
      </rPr>
      <t>る。</t>
    </r>
    <rPh sb="0" eb="1">
      <t>ヒ</t>
    </rPh>
    <rPh sb="2" eb="3">
      <t>ツヨ</t>
    </rPh>
    <rPh sb="4" eb="5">
      <t>テ</t>
    </rPh>
    <phoneticPr fontId="1"/>
  </si>
  <si>
    <r>
      <rPr>
        <b/>
        <u/>
        <sz val="14"/>
        <rFont val="HGP教科書体"/>
        <family val="1"/>
        <charset val="128"/>
      </rPr>
      <t>競輪選手</t>
    </r>
    <r>
      <rPr>
        <sz val="14"/>
        <rFont val="HGP教科書体"/>
        <family val="1"/>
        <charset val="128"/>
      </rPr>
      <t>の練習。</t>
    </r>
    <rPh sb="0" eb="2">
      <t>ケイリン</t>
    </rPh>
    <rPh sb="2" eb="4">
      <t>センシュ</t>
    </rPh>
    <rPh sb="5" eb="7">
      <t>レンシュウ</t>
    </rPh>
    <phoneticPr fontId="1"/>
  </si>
  <si>
    <r>
      <t>おもちゃの</t>
    </r>
    <r>
      <rPr>
        <b/>
        <u/>
        <sz val="14"/>
        <rFont val="HGP教科書体"/>
        <family val="1"/>
        <charset val="128"/>
      </rPr>
      <t>兵隊</t>
    </r>
    <r>
      <rPr>
        <sz val="14"/>
        <rFont val="HGP教科書体"/>
        <family val="1"/>
        <charset val="128"/>
      </rPr>
      <t>。</t>
    </r>
    <rPh sb="5" eb="7">
      <t>ヘイタイ</t>
    </rPh>
    <phoneticPr fontId="1"/>
  </si>
  <si>
    <r>
      <t>野球の</t>
    </r>
    <r>
      <rPr>
        <b/>
        <u/>
        <sz val="14"/>
        <rFont val="HGP教科書体"/>
        <family val="1"/>
        <charset val="128"/>
      </rPr>
      <t>一軍</t>
    </r>
    <r>
      <rPr>
        <sz val="14"/>
        <rFont val="HGP教科書体"/>
        <family val="1"/>
        <charset val="128"/>
      </rPr>
      <t>。</t>
    </r>
    <rPh sb="0" eb="2">
      <t>ヤキュウ</t>
    </rPh>
    <rPh sb="3" eb="5">
      <t>イチグン</t>
    </rPh>
    <phoneticPr fontId="1"/>
  </si>
  <si>
    <r>
      <t>右手に</t>
    </r>
    <r>
      <rPr>
        <b/>
        <u/>
        <sz val="14"/>
        <rFont val="HGP教科書体"/>
        <family val="1"/>
        <charset val="128"/>
      </rPr>
      <t>包帯</t>
    </r>
    <r>
      <rPr>
        <sz val="14"/>
        <rFont val="HGP教科書体"/>
        <family val="1"/>
        <charset val="128"/>
      </rPr>
      <t>をまく。</t>
    </r>
    <rPh sb="0" eb="2">
      <t>ミギテ</t>
    </rPh>
    <rPh sb="3" eb="5">
      <t>ホウタイ</t>
    </rPh>
    <phoneticPr fontId="1"/>
  </si>
  <si>
    <r>
      <rPr>
        <sz val="14"/>
        <rFont val="HGP教科書体"/>
        <family val="1"/>
        <charset val="128"/>
      </rPr>
      <t>ちがうやり方を</t>
    </r>
    <r>
      <rPr>
        <b/>
        <u/>
        <sz val="14"/>
        <rFont val="HGP教科書体"/>
        <family val="1"/>
        <charset val="128"/>
      </rPr>
      <t>試</t>
    </r>
    <r>
      <rPr>
        <sz val="14"/>
        <rFont val="HGP教科書体"/>
        <family val="1"/>
        <charset val="128"/>
      </rPr>
      <t>みる。</t>
    </r>
    <rPh sb="5" eb="6">
      <t>カタ</t>
    </rPh>
    <rPh sb="7" eb="8">
      <t>ココロ</t>
    </rPh>
    <phoneticPr fontId="1"/>
  </si>
  <si>
    <r>
      <t>わたしはご飯が</t>
    </r>
    <r>
      <rPr>
        <b/>
        <u/>
        <sz val="14"/>
        <rFont val="HGP教科書体"/>
        <family val="1"/>
        <charset val="128"/>
      </rPr>
      <t>好</t>
    </r>
    <r>
      <rPr>
        <sz val="14"/>
        <rFont val="HGP教科書体"/>
        <family val="1"/>
        <charset val="128"/>
      </rPr>
      <t>きだ。</t>
    </r>
    <rPh sb="5" eb="6">
      <t>ハン</t>
    </rPh>
    <rPh sb="7" eb="8">
      <t>ス</t>
    </rPh>
    <phoneticPr fontId="1"/>
  </si>
  <si>
    <r>
      <t>気温が</t>
    </r>
    <r>
      <rPr>
        <b/>
        <u/>
        <sz val="14"/>
        <rFont val="HGP教科書体"/>
        <family val="1"/>
        <charset val="128"/>
      </rPr>
      <t>変</t>
    </r>
    <r>
      <rPr>
        <sz val="14"/>
        <rFont val="HGP教科書体"/>
        <family val="1"/>
        <charset val="128"/>
      </rPr>
      <t>わる。</t>
    </r>
    <rPh sb="0" eb="2">
      <t>キオン</t>
    </rPh>
    <rPh sb="3" eb="4">
      <t>カ</t>
    </rPh>
    <phoneticPr fontId="1"/>
  </si>
  <si>
    <r>
      <t>たん生日を</t>
    </r>
    <r>
      <rPr>
        <b/>
        <u/>
        <sz val="14"/>
        <rFont val="HGP教科書体"/>
        <family val="1"/>
        <charset val="128"/>
      </rPr>
      <t>祝</t>
    </r>
    <r>
      <rPr>
        <sz val="14"/>
        <rFont val="HGP教科書体"/>
        <family val="1"/>
        <charset val="128"/>
      </rPr>
      <t>う。</t>
    </r>
    <rPh sb="2" eb="3">
      <t>ナマ</t>
    </rPh>
    <rPh sb="3" eb="4">
      <t>ニチ</t>
    </rPh>
    <rPh sb="5" eb="6">
      <t>イワ</t>
    </rPh>
    <phoneticPr fontId="1"/>
  </si>
  <si>
    <r>
      <t>天気の悪くなる</t>
    </r>
    <r>
      <rPr>
        <b/>
        <u/>
        <sz val="14"/>
        <rFont val="HGP教科書体"/>
        <family val="1"/>
        <charset val="128"/>
      </rPr>
      <t>兆候</t>
    </r>
    <r>
      <rPr>
        <sz val="14"/>
        <rFont val="HGP教科書体"/>
        <family val="1"/>
        <charset val="128"/>
      </rPr>
      <t>。</t>
    </r>
    <rPh sb="0" eb="2">
      <t>テンキ</t>
    </rPh>
    <rPh sb="3" eb="4">
      <t>ワル</t>
    </rPh>
    <rPh sb="7" eb="9">
      <t>チョウコウ</t>
    </rPh>
    <phoneticPr fontId="1"/>
  </si>
  <si>
    <r>
      <t>部屋を</t>
    </r>
    <r>
      <rPr>
        <b/>
        <u/>
        <sz val="14"/>
        <rFont val="HGP教科書体"/>
        <family val="1"/>
        <charset val="128"/>
      </rPr>
      <t>散</t>
    </r>
    <r>
      <rPr>
        <sz val="14"/>
        <rFont val="HGP教科書体"/>
        <family val="1"/>
        <charset val="128"/>
      </rPr>
      <t>らかす。</t>
    </r>
    <rPh sb="0" eb="2">
      <t>ヘヤ</t>
    </rPh>
    <rPh sb="3" eb="4">
      <t>チ</t>
    </rPh>
    <phoneticPr fontId="1"/>
  </si>
  <si>
    <r>
      <rPr>
        <b/>
        <u/>
        <sz val="14"/>
        <rFont val="HGP教科書体"/>
        <family val="1"/>
        <charset val="128"/>
      </rPr>
      <t>食塩水</t>
    </r>
    <r>
      <rPr>
        <sz val="14"/>
        <rFont val="HGP教科書体"/>
        <family val="1"/>
        <charset val="128"/>
      </rPr>
      <t>を作る。</t>
    </r>
    <rPh sb="0" eb="3">
      <t>ショクエンスイ</t>
    </rPh>
    <rPh sb="4" eb="5">
      <t>ツク</t>
    </rPh>
    <phoneticPr fontId="1"/>
  </si>
  <si>
    <r>
      <rPr>
        <b/>
        <u/>
        <sz val="14"/>
        <rFont val="HGP教科書体"/>
        <family val="1"/>
        <charset val="128"/>
      </rPr>
      <t>放課後</t>
    </r>
    <r>
      <rPr>
        <sz val="14"/>
        <rFont val="HGP教科書体"/>
        <family val="1"/>
        <charset val="128"/>
      </rPr>
      <t>は公園に集まろう。</t>
    </r>
    <rPh sb="0" eb="3">
      <t>ホウカゴ</t>
    </rPh>
    <rPh sb="4" eb="6">
      <t>コウエン</t>
    </rPh>
    <rPh sb="7" eb="8">
      <t>アツ</t>
    </rPh>
    <phoneticPr fontId="1"/>
  </si>
  <si>
    <r>
      <rPr>
        <b/>
        <u/>
        <sz val="14"/>
        <rFont val="HGP教科書体"/>
        <family val="1"/>
        <charset val="128"/>
      </rPr>
      <t>都道府県</t>
    </r>
    <r>
      <rPr>
        <sz val="14"/>
        <rFont val="HGP教科書体"/>
        <family val="1"/>
        <charset val="128"/>
      </rPr>
      <t>名を覚える。</t>
    </r>
    <rPh sb="0" eb="4">
      <t>トドウフケン</t>
    </rPh>
    <rPh sb="4" eb="5">
      <t>メイ</t>
    </rPh>
    <rPh sb="6" eb="7">
      <t>オボ</t>
    </rPh>
    <phoneticPr fontId="1"/>
  </si>
  <si>
    <r>
      <rPr>
        <b/>
        <u/>
        <sz val="14"/>
        <rFont val="HGP教科書体"/>
        <family val="1"/>
        <charset val="128"/>
      </rPr>
      <t>子孫</t>
    </r>
    <r>
      <rPr>
        <sz val="14"/>
        <rFont val="HGP教科書体"/>
        <family val="1"/>
        <charset val="128"/>
      </rPr>
      <t>のはん栄を願う。</t>
    </r>
    <rPh sb="0" eb="2">
      <t>シソン</t>
    </rPh>
    <rPh sb="5" eb="6">
      <t>エイ</t>
    </rPh>
    <rPh sb="7" eb="8">
      <t>ネガ</t>
    </rPh>
    <phoneticPr fontId="1"/>
  </si>
  <si>
    <r>
      <t>アイスを</t>
    </r>
    <r>
      <rPr>
        <b/>
        <u/>
        <sz val="14"/>
        <rFont val="HGP教科書体"/>
        <family val="1"/>
        <charset val="128"/>
      </rPr>
      <t>冷</t>
    </r>
    <r>
      <rPr>
        <sz val="14"/>
        <rFont val="HGP教科書体"/>
        <family val="1"/>
        <charset val="128"/>
      </rPr>
      <t>とう庫に入れる。</t>
    </r>
    <rPh sb="4" eb="5">
      <t>ヒヤ</t>
    </rPh>
    <rPh sb="7" eb="8">
      <t>コ</t>
    </rPh>
    <rPh sb="9" eb="10">
      <t>イ</t>
    </rPh>
    <phoneticPr fontId="1"/>
  </si>
  <si>
    <r>
      <t>旅行先で</t>
    </r>
    <r>
      <rPr>
        <b/>
        <u/>
        <sz val="14"/>
        <rFont val="HGP教科書体"/>
        <family val="1"/>
        <charset val="128"/>
      </rPr>
      <t>記念</t>
    </r>
    <r>
      <rPr>
        <sz val="14"/>
        <rFont val="HGP教科書体"/>
        <family val="1"/>
        <charset val="128"/>
      </rPr>
      <t>写真をとる。</t>
    </r>
    <rPh sb="0" eb="3">
      <t>リョコウサキ</t>
    </rPh>
    <rPh sb="4" eb="6">
      <t>キネン</t>
    </rPh>
    <rPh sb="6" eb="8">
      <t>シャシン</t>
    </rPh>
    <phoneticPr fontId="1"/>
  </si>
  <si>
    <r>
      <t>朝顔の</t>
    </r>
    <r>
      <rPr>
        <b/>
        <u/>
        <sz val="14"/>
        <rFont val="HGP教科書体"/>
        <family val="1"/>
        <charset val="128"/>
      </rPr>
      <t>観察</t>
    </r>
    <r>
      <rPr>
        <sz val="14"/>
        <rFont val="HGP教科書体"/>
        <family val="1"/>
        <charset val="128"/>
      </rPr>
      <t>をする。</t>
    </r>
    <rPh sb="0" eb="2">
      <t>アサガオ</t>
    </rPh>
    <rPh sb="3" eb="5">
      <t>カンサツ</t>
    </rPh>
    <phoneticPr fontId="1"/>
  </si>
  <si>
    <r>
      <rPr>
        <b/>
        <u/>
        <sz val="14"/>
        <rFont val="HGP教科書体"/>
        <family val="1"/>
        <charset val="128"/>
      </rPr>
      <t>勇</t>
    </r>
    <r>
      <rPr>
        <sz val="14"/>
        <rFont val="HGP教科書体"/>
        <family val="1"/>
        <charset val="128"/>
      </rPr>
      <t>ましく立ち向かう。</t>
    </r>
    <rPh sb="0" eb="1">
      <t>イサ</t>
    </rPh>
    <rPh sb="4" eb="5">
      <t>タ</t>
    </rPh>
    <rPh sb="6" eb="7">
      <t>ム</t>
    </rPh>
    <phoneticPr fontId="1"/>
  </si>
  <si>
    <r>
      <rPr>
        <b/>
        <u/>
        <sz val="14"/>
        <rFont val="HGP教科書体"/>
        <family val="1"/>
        <charset val="128"/>
      </rPr>
      <t>低空飛行</t>
    </r>
    <r>
      <rPr>
        <sz val="14"/>
        <rFont val="HGP教科書体"/>
        <family val="1"/>
        <charset val="128"/>
      </rPr>
      <t>をする。</t>
    </r>
    <rPh sb="0" eb="2">
      <t>テイクウ</t>
    </rPh>
    <rPh sb="2" eb="4">
      <t>ヒコウ</t>
    </rPh>
    <phoneticPr fontId="1"/>
  </si>
  <si>
    <r>
      <t>家を</t>
    </r>
    <r>
      <rPr>
        <b/>
        <u/>
        <sz val="14"/>
        <rFont val="HGP教科書体"/>
        <family val="1"/>
        <charset val="128"/>
      </rPr>
      <t>借</t>
    </r>
    <r>
      <rPr>
        <sz val="14"/>
        <rFont val="HGP教科書体"/>
        <family val="1"/>
        <charset val="128"/>
      </rPr>
      <t>りる。</t>
    </r>
    <rPh sb="0" eb="1">
      <t>イエ</t>
    </rPh>
    <rPh sb="2" eb="3">
      <t>カ</t>
    </rPh>
    <phoneticPr fontId="1"/>
  </si>
  <si>
    <r>
      <rPr>
        <b/>
        <u/>
        <sz val="14"/>
        <rFont val="HGP教科書体"/>
        <family val="1"/>
        <charset val="128"/>
      </rPr>
      <t>改札口</t>
    </r>
    <r>
      <rPr>
        <sz val="14"/>
        <rFont val="HGP教科書体"/>
        <family val="1"/>
        <charset val="128"/>
      </rPr>
      <t>を出る。</t>
    </r>
    <rPh sb="0" eb="2">
      <t>カイサツ</t>
    </rPh>
    <rPh sb="2" eb="3">
      <t>グチ</t>
    </rPh>
    <rPh sb="4" eb="5">
      <t>デ</t>
    </rPh>
    <phoneticPr fontId="1"/>
  </si>
  <si>
    <r>
      <t>家の</t>
    </r>
    <r>
      <rPr>
        <b/>
        <u/>
        <sz val="14"/>
        <rFont val="HGP教科書体"/>
        <family val="1"/>
        <charset val="128"/>
      </rPr>
      <t>付近</t>
    </r>
    <r>
      <rPr>
        <sz val="14"/>
        <rFont val="HGP教科書体"/>
        <family val="1"/>
        <charset val="128"/>
      </rPr>
      <t>の地図。</t>
    </r>
    <rPh sb="0" eb="1">
      <t>イエ</t>
    </rPh>
    <rPh sb="2" eb="4">
      <t>フキン</t>
    </rPh>
    <rPh sb="5" eb="7">
      <t>チズ</t>
    </rPh>
    <phoneticPr fontId="1"/>
  </si>
  <si>
    <r>
      <t>ギョウザの具を皮で</t>
    </r>
    <r>
      <rPr>
        <b/>
        <u/>
        <sz val="14"/>
        <rFont val="HGP教科書体"/>
        <family val="1"/>
        <charset val="128"/>
      </rPr>
      <t>包</t>
    </r>
    <r>
      <rPr>
        <sz val="14"/>
        <rFont val="HGP教科書体"/>
        <family val="1"/>
        <charset val="128"/>
      </rPr>
      <t>む。</t>
    </r>
    <rPh sb="5" eb="6">
      <t>グ</t>
    </rPh>
    <rPh sb="7" eb="8">
      <t>カワ</t>
    </rPh>
    <rPh sb="9" eb="10">
      <t>ツツ</t>
    </rPh>
    <phoneticPr fontId="1"/>
  </si>
  <si>
    <r>
      <t>かえるの歌を</t>
    </r>
    <r>
      <rPr>
        <b/>
        <u/>
        <sz val="14"/>
        <rFont val="HGP教科書体"/>
        <family val="1"/>
        <charset val="128"/>
      </rPr>
      <t>輪唱</t>
    </r>
    <r>
      <rPr>
        <sz val="14"/>
        <rFont val="HGP教科書体"/>
        <family val="1"/>
        <charset val="128"/>
      </rPr>
      <t>する。</t>
    </r>
    <rPh sb="4" eb="5">
      <t>ウタ</t>
    </rPh>
    <rPh sb="6" eb="8">
      <t>リンショウ</t>
    </rPh>
    <phoneticPr fontId="1"/>
  </si>
  <si>
    <r>
      <t>試合に負けて</t>
    </r>
    <r>
      <rPr>
        <b/>
        <u/>
        <sz val="14"/>
        <rFont val="HGP教科書体"/>
        <family val="1"/>
        <charset val="128"/>
      </rPr>
      <t>残念</t>
    </r>
    <r>
      <rPr>
        <sz val="14"/>
        <rFont val="HGP教科書体"/>
        <family val="1"/>
        <charset val="128"/>
      </rPr>
      <t>だ。</t>
    </r>
    <rPh sb="0" eb="2">
      <t>シアイ</t>
    </rPh>
    <rPh sb="3" eb="4">
      <t>マ</t>
    </rPh>
    <rPh sb="6" eb="8">
      <t>ザンネン</t>
    </rPh>
    <phoneticPr fontId="1"/>
  </si>
  <si>
    <r>
      <t>校庭を</t>
    </r>
    <r>
      <rPr>
        <b/>
        <u/>
        <sz val="14"/>
        <rFont val="HGP教科書体"/>
        <family val="1"/>
        <charset val="128"/>
      </rPr>
      <t>一周</t>
    </r>
    <r>
      <rPr>
        <sz val="14"/>
        <rFont val="HGP教科書体"/>
        <family val="1"/>
        <charset val="128"/>
      </rPr>
      <t>する。</t>
    </r>
    <rPh sb="0" eb="2">
      <t>コウテイ</t>
    </rPh>
    <rPh sb="3" eb="5">
      <t>イッシュウ</t>
    </rPh>
    <phoneticPr fontId="1"/>
  </si>
  <si>
    <r>
      <rPr>
        <b/>
        <u/>
        <sz val="14"/>
        <rFont val="HGP教科書体"/>
        <family val="1"/>
        <charset val="128"/>
      </rPr>
      <t>特別</t>
    </r>
    <r>
      <rPr>
        <sz val="14"/>
        <rFont val="HGP教科書体"/>
        <family val="1"/>
        <charset val="128"/>
      </rPr>
      <t>にサービスしよう。</t>
    </r>
    <rPh sb="0" eb="2">
      <t>トクベツ</t>
    </rPh>
    <phoneticPr fontId="1"/>
  </si>
  <si>
    <r>
      <rPr>
        <b/>
        <u/>
        <sz val="14"/>
        <rFont val="HGP教科書体"/>
        <family val="1"/>
        <charset val="128"/>
      </rPr>
      <t>良</t>
    </r>
    <r>
      <rPr>
        <sz val="14"/>
        <rFont val="HGP教科書体"/>
        <family val="1"/>
        <charset val="128"/>
      </rPr>
      <t>い行いを心がける。</t>
    </r>
    <rPh sb="0" eb="1">
      <t>ヨ</t>
    </rPh>
    <rPh sb="2" eb="3">
      <t>オコナ</t>
    </rPh>
    <rPh sb="5" eb="6">
      <t>ココロ</t>
    </rPh>
    <phoneticPr fontId="1"/>
  </si>
  <si>
    <r>
      <t>具合の悪いところを</t>
    </r>
    <r>
      <rPr>
        <b/>
        <u/>
        <sz val="14"/>
        <rFont val="HGP教科書体"/>
        <family val="1"/>
        <charset val="128"/>
      </rPr>
      <t>治</t>
    </r>
    <r>
      <rPr>
        <sz val="14"/>
        <rFont val="HGP教科書体"/>
        <family val="1"/>
        <charset val="128"/>
      </rPr>
      <t>す。</t>
    </r>
    <rPh sb="0" eb="2">
      <t>グアイ</t>
    </rPh>
    <rPh sb="3" eb="4">
      <t>ワル</t>
    </rPh>
    <rPh sb="9" eb="10">
      <t>ナオ</t>
    </rPh>
    <phoneticPr fontId="1"/>
  </si>
  <si>
    <r>
      <rPr>
        <b/>
        <u/>
        <sz val="14"/>
        <rFont val="HGP教科書体"/>
        <family val="1"/>
        <charset val="128"/>
      </rPr>
      <t>漁船</t>
    </r>
    <r>
      <rPr>
        <sz val="14"/>
        <rFont val="HGP教科書体"/>
        <family val="1"/>
        <charset val="128"/>
      </rPr>
      <t>に乗って海に出る。</t>
    </r>
    <rPh sb="0" eb="2">
      <t>ギョセン</t>
    </rPh>
    <rPh sb="3" eb="4">
      <t>ノ</t>
    </rPh>
    <rPh sb="6" eb="7">
      <t>ウミ</t>
    </rPh>
    <rPh sb="8" eb="9">
      <t>デ</t>
    </rPh>
    <phoneticPr fontId="1"/>
  </si>
  <si>
    <r>
      <t>自ら</t>
    </r>
    <r>
      <rPr>
        <b/>
        <u/>
        <sz val="14"/>
        <rFont val="HGP教科書体"/>
        <family val="1"/>
        <charset val="128"/>
      </rPr>
      <t>氏名</t>
    </r>
    <r>
      <rPr>
        <sz val="14"/>
        <rFont val="HGP教科書体"/>
        <family val="1"/>
        <charset val="128"/>
      </rPr>
      <t>を名乗る。</t>
    </r>
    <rPh sb="0" eb="1">
      <t>ミズカ</t>
    </rPh>
    <rPh sb="2" eb="4">
      <t>シメイ</t>
    </rPh>
    <rPh sb="5" eb="7">
      <t>ナノ</t>
    </rPh>
    <phoneticPr fontId="1"/>
  </si>
  <si>
    <r>
      <t>意見のある時は</t>
    </r>
    <r>
      <rPr>
        <b/>
        <u/>
        <sz val="14"/>
        <rFont val="HGP教科書体"/>
        <family val="1"/>
        <charset val="128"/>
      </rPr>
      <t>挙手</t>
    </r>
    <r>
      <rPr>
        <sz val="14"/>
        <rFont val="HGP教科書体"/>
        <family val="1"/>
        <charset val="128"/>
      </rPr>
      <t>する。</t>
    </r>
    <rPh sb="0" eb="2">
      <t>イケン</t>
    </rPh>
    <rPh sb="5" eb="6">
      <t>トキ</t>
    </rPh>
    <rPh sb="7" eb="9">
      <t>キョシュ</t>
    </rPh>
    <phoneticPr fontId="1"/>
  </si>
  <si>
    <r>
      <t>鳥の声で目を</t>
    </r>
    <r>
      <rPr>
        <b/>
        <u/>
        <sz val="14"/>
        <rFont val="HGP教科書体"/>
        <family val="1"/>
        <charset val="128"/>
      </rPr>
      <t>覚</t>
    </r>
    <r>
      <rPr>
        <sz val="14"/>
        <rFont val="HGP教科書体"/>
        <family val="1"/>
        <charset val="128"/>
      </rPr>
      <t>ます。</t>
    </r>
    <rPh sb="0" eb="1">
      <t>トリ</t>
    </rPh>
    <rPh sb="2" eb="3">
      <t>コエ</t>
    </rPh>
    <rPh sb="4" eb="5">
      <t>メ</t>
    </rPh>
    <rPh sb="6" eb="7">
      <t>サ</t>
    </rPh>
    <phoneticPr fontId="1"/>
  </si>
  <si>
    <r>
      <t>庭で水</t>
    </r>
    <r>
      <rPr>
        <b/>
        <u/>
        <sz val="14"/>
        <rFont val="HGP教科書体"/>
        <family val="1"/>
        <charset val="128"/>
      </rPr>
      <t>浴</t>
    </r>
    <r>
      <rPr>
        <sz val="14"/>
        <rFont val="HGP教科書体"/>
        <family val="1"/>
        <charset val="128"/>
      </rPr>
      <t>びをする。</t>
    </r>
    <rPh sb="0" eb="1">
      <t>ニワ</t>
    </rPh>
    <rPh sb="2" eb="4">
      <t>ミズア</t>
    </rPh>
    <phoneticPr fontId="1"/>
  </si>
  <si>
    <r>
      <t>国が</t>
    </r>
    <r>
      <rPr>
        <b/>
        <u/>
        <sz val="14"/>
        <rFont val="HGP教科書体"/>
        <family val="1"/>
        <charset val="128"/>
      </rPr>
      <t>栄</t>
    </r>
    <r>
      <rPr>
        <sz val="14"/>
        <rFont val="HGP教科書体"/>
        <family val="1"/>
        <charset val="128"/>
      </rPr>
      <t>える。</t>
    </r>
    <rPh sb="0" eb="1">
      <t>クニ</t>
    </rPh>
    <rPh sb="2" eb="3">
      <t>サカ</t>
    </rPh>
    <phoneticPr fontId="1"/>
  </si>
  <si>
    <r>
      <t>山が</t>
    </r>
    <r>
      <rPr>
        <b/>
        <u/>
        <sz val="14"/>
        <rFont val="HGP教科書体"/>
        <family val="1"/>
        <charset val="128"/>
      </rPr>
      <t>連</t>
    </r>
    <r>
      <rPr>
        <sz val="14"/>
        <rFont val="HGP教科書体"/>
        <family val="1"/>
        <charset val="128"/>
      </rPr>
      <t>なる。</t>
    </r>
    <rPh sb="0" eb="1">
      <t>ヤマ</t>
    </rPh>
    <rPh sb="2" eb="3">
      <t>ツラ</t>
    </rPh>
    <phoneticPr fontId="1"/>
  </si>
  <si>
    <r>
      <t>皿が</t>
    </r>
    <r>
      <rPr>
        <b/>
        <u/>
        <sz val="14"/>
        <rFont val="HGP教科書体"/>
        <family val="1"/>
        <charset val="128"/>
      </rPr>
      <t>欠</t>
    </r>
    <r>
      <rPr>
        <sz val="14"/>
        <rFont val="HGP教科書体"/>
        <family val="1"/>
        <charset val="128"/>
      </rPr>
      <t>ける。</t>
    </r>
    <rPh sb="0" eb="1">
      <t>サラ</t>
    </rPh>
    <rPh sb="2" eb="3">
      <t>カ</t>
    </rPh>
    <phoneticPr fontId="1"/>
  </si>
  <si>
    <r>
      <t>はん画を</t>
    </r>
    <r>
      <rPr>
        <b/>
        <u/>
        <sz val="14"/>
        <rFont val="HGP教科書体"/>
        <family val="1"/>
        <charset val="128"/>
      </rPr>
      <t>刷</t>
    </r>
    <r>
      <rPr>
        <sz val="14"/>
        <rFont val="HGP教科書体"/>
        <family val="1"/>
        <charset val="128"/>
      </rPr>
      <t>る。</t>
    </r>
    <rPh sb="2" eb="3">
      <t>ガ</t>
    </rPh>
    <rPh sb="4" eb="5">
      <t>ス</t>
    </rPh>
    <phoneticPr fontId="1"/>
  </si>
  <si>
    <r>
      <t>世界の</t>
    </r>
    <r>
      <rPr>
        <b/>
        <u/>
        <sz val="14"/>
        <rFont val="HGP教科書体"/>
        <family val="1"/>
        <charset val="128"/>
      </rPr>
      <t>果</t>
    </r>
    <r>
      <rPr>
        <sz val="14"/>
        <rFont val="HGP教科書体"/>
        <family val="1"/>
        <charset val="128"/>
      </rPr>
      <t>てまで行く。</t>
    </r>
    <rPh sb="0" eb="2">
      <t>セカイ</t>
    </rPh>
    <rPh sb="3" eb="4">
      <t>ハ</t>
    </rPh>
    <rPh sb="7" eb="8">
      <t>イ</t>
    </rPh>
    <phoneticPr fontId="1"/>
  </si>
  <si>
    <r>
      <t>むだな部分を</t>
    </r>
    <r>
      <rPr>
        <b/>
        <u/>
        <sz val="14"/>
        <rFont val="HGP教科書体"/>
        <family val="1"/>
        <charset val="128"/>
      </rPr>
      <t>省</t>
    </r>
    <r>
      <rPr>
        <sz val="14"/>
        <rFont val="HGP教科書体"/>
        <family val="1"/>
        <charset val="128"/>
      </rPr>
      <t>く。</t>
    </r>
    <rPh sb="3" eb="5">
      <t>ブブン</t>
    </rPh>
    <rPh sb="6" eb="7">
      <t>ハブ</t>
    </rPh>
    <phoneticPr fontId="1"/>
  </si>
  <si>
    <r>
      <t>きそくを</t>
    </r>
    <r>
      <rPr>
        <b/>
        <u/>
        <sz val="14"/>
        <rFont val="HGP教科書体"/>
        <family val="1"/>
        <charset val="128"/>
      </rPr>
      <t>改</t>
    </r>
    <r>
      <rPr>
        <b/>
        <sz val="14"/>
        <rFont val="HGP教科書体"/>
        <family val="1"/>
        <charset val="128"/>
      </rPr>
      <t>める。</t>
    </r>
    <rPh sb="4" eb="5">
      <t>アラタ</t>
    </rPh>
    <phoneticPr fontId="1"/>
  </si>
  <si>
    <r>
      <t>さんまを</t>
    </r>
    <r>
      <rPr>
        <b/>
        <u/>
        <sz val="14"/>
        <rFont val="HGP教科書体"/>
        <family val="1"/>
        <charset val="128"/>
      </rPr>
      <t>焼</t>
    </r>
    <r>
      <rPr>
        <sz val="14"/>
        <rFont val="HGP教科書体"/>
        <family val="1"/>
        <charset val="128"/>
      </rPr>
      <t>く。</t>
    </r>
    <rPh sb="4" eb="5">
      <t>ヤ</t>
    </rPh>
    <phoneticPr fontId="1"/>
  </si>
  <si>
    <r>
      <t>たんすを床に</t>
    </r>
    <r>
      <rPr>
        <b/>
        <u/>
        <sz val="14"/>
        <rFont val="HGP教科書体"/>
        <family val="1"/>
        <charset val="128"/>
      </rPr>
      <t>固定</t>
    </r>
    <r>
      <rPr>
        <sz val="14"/>
        <rFont val="HGP教科書体"/>
        <family val="1"/>
        <charset val="128"/>
      </rPr>
      <t>する。</t>
    </r>
    <rPh sb="4" eb="5">
      <t>ユカ</t>
    </rPh>
    <rPh sb="6" eb="8">
      <t>コテイ</t>
    </rPh>
    <phoneticPr fontId="1"/>
  </si>
  <si>
    <r>
      <rPr>
        <b/>
        <u/>
        <sz val="14"/>
        <rFont val="HGP教科書体"/>
        <family val="1"/>
        <charset val="128"/>
      </rPr>
      <t>投票</t>
    </r>
    <r>
      <rPr>
        <sz val="14"/>
        <rFont val="HGP教科書体"/>
        <family val="1"/>
        <charset val="128"/>
      </rPr>
      <t>で委員を決める。</t>
    </r>
    <rPh sb="0" eb="2">
      <t>トウヒョウ</t>
    </rPh>
    <rPh sb="3" eb="5">
      <t>イイン</t>
    </rPh>
    <rPh sb="6" eb="7">
      <t>キ</t>
    </rPh>
    <phoneticPr fontId="1"/>
  </si>
  <si>
    <r>
      <rPr>
        <b/>
        <u/>
        <sz val="14"/>
        <rFont val="HGP教科書体"/>
        <family val="1"/>
        <charset val="128"/>
      </rPr>
      <t>老人</t>
    </r>
    <r>
      <rPr>
        <sz val="14"/>
        <rFont val="HGP教科書体"/>
        <family val="1"/>
        <charset val="128"/>
      </rPr>
      <t>ホームを訪問する。</t>
    </r>
    <rPh sb="0" eb="2">
      <t>ロウジン</t>
    </rPh>
    <rPh sb="6" eb="8">
      <t>ホウモン</t>
    </rPh>
    <phoneticPr fontId="1"/>
  </si>
  <si>
    <r>
      <rPr>
        <b/>
        <u/>
        <sz val="14"/>
        <rFont val="HGP教科書体"/>
        <family val="1"/>
        <charset val="128"/>
      </rPr>
      <t>望遠鏡</t>
    </r>
    <r>
      <rPr>
        <sz val="14"/>
        <rFont val="HGP教科書体"/>
        <family val="1"/>
        <charset val="128"/>
      </rPr>
      <t>をのぞく。</t>
    </r>
    <rPh sb="0" eb="3">
      <t>ボウエンキョウ</t>
    </rPh>
    <phoneticPr fontId="1"/>
  </si>
  <si>
    <r>
      <t>たんすの</t>
    </r>
    <r>
      <rPr>
        <b/>
        <u/>
        <sz val="14"/>
        <rFont val="HGP教科書体"/>
        <family val="1"/>
        <charset val="128"/>
      </rPr>
      <t>イチ</t>
    </r>
    <r>
      <rPr>
        <sz val="14"/>
        <rFont val="HGP教科書体"/>
        <family val="1"/>
        <charset val="128"/>
      </rPr>
      <t>を動かす。</t>
    </r>
    <rPh sb="7" eb="8">
      <t>ウゴ</t>
    </rPh>
    <phoneticPr fontId="2"/>
  </si>
  <si>
    <r>
      <t>歌声を</t>
    </r>
    <r>
      <rPr>
        <b/>
        <u/>
        <sz val="14"/>
        <rFont val="HGP教科書体"/>
        <family val="1"/>
        <charset val="128"/>
      </rPr>
      <t>ロクオン</t>
    </r>
    <r>
      <rPr>
        <sz val="14"/>
        <rFont val="HGP教科書体"/>
        <family val="1"/>
        <charset val="128"/>
      </rPr>
      <t>する。</t>
    </r>
    <rPh sb="0" eb="2">
      <t>ウタゴエ</t>
    </rPh>
    <phoneticPr fontId="2"/>
  </si>
  <si>
    <r>
      <rPr>
        <b/>
        <u/>
        <sz val="14"/>
        <rFont val="HGP教科書体"/>
        <family val="1"/>
        <charset val="128"/>
      </rPr>
      <t>キカイ</t>
    </r>
    <r>
      <rPr>
        <sz val="14"/>
        <rFont val="HGP教科書体"/>
        <family val="1"/>
        <charset val="128"/>
      </rPr>
      <t>の動かし方を教わる。</t>
    </r>
    <rPh sb="4" eb="5">
      <t>ウゴ</t>
    </rPh>
    <rPh sb="7" eb="8">
      <t>カタ</t>
    </rPh>
    <rPh sb="9" eb="10">
      <t>オソ</t>
    </rPh>
    <phoneticPr fontId="2"/>
  </si>
  <si>
    <r>
      <t>色々な</t>
    </r>
    <r>
      <rPr>
        <b/>
        <u/>
        <sz val="14"/>
        <rFont val="HGP教科書体"/>
        <family val="1"/>
        <charset val="128"/>
      </rPr>
      <t>シュルイ</t>
    </r>
    <r>
      <rPr>
        <sz val="14"/>
        <rFont val="HGP教科書体"/>
        <family val="1"/>
        <charset val="128"/>
      </rPr>
      <t>の動物。</t>
    </r>
    <rPh sb="0" eb="2">
      <t>イロイロ</t>
    </rPh>
    <rPh sb="8" eb="10">
      <t>ドウブツ</t>
    </rPh>
    <phoneticPr fontId="2"/>
  </si>
  <si>
    <r>
      <t>印西市から</t>
    </r>
    <r>
      <rPr>
        <b/>
        <u/>
        <sz val="14"/>
        <rFont val="HGP教科書体"/>
        <family val="1"/>
        <charset val="128"/>
      </rPr>
      <t>ダイジン</t>
    </r>
    <r>
      <rPr>
        <sz val="14"/>
        <rFont val="HGP教科書体"/>
        <family val="1"/>
        <charset val="128"/>
      </rPr>
      <t>が出る。</t>
    </r>
    <rPh sb="0" eb="3">
      <t>インザイシ</t>
    </rPh>
    <rPh sb="10" eb="11">
      <t>デ</t>
    </rPh>
    <phoneticPr fontId="2"/>
  </si>
  <si>
    <r>
      <rPr>
        <b/>
        <u/>
        <sz val="14"/>
        <rFont val="HGP教科書体"/>
        <family val="1"/>
        <charset val="128"/>
      </rPr>
      <t>ハンケイ</t>
    </r>
    <r>
      <rPr>
        <b/>
        <sz val="14"/>
        <rFont val="HGP教科書体"/>
        <family val="1"/>
        <charset val="128"/>
      </rPr>
      <t>二</t>
    </r>
    <r>
      <rPr>
        <sz val="14"/>
        <rFont val="HGP教科書体"/>
        <family val="1"/>
        <charset val="128"/>
      </rPr>
      <t>メートルの円。</t>
    </r>
    <rPh sb="4" eb="5">
      <t>2</t>
    </rPh>
    <rPh sb="10" eb="11">
      <t>エン</t>
    </rPh>
    <phoneticPr fontId="2"/>
  </si>
  <si>
    <r>
      <t>父はけいさつ</t>
    </r>
    <r>
      <rPr>
        <b/>
        <u/>
        <sz val="14"/>
        <rFont val="HGP教科書体"/>
        <family val="1"/>
        <charset val="128"/>
      </rPr>
      <t>カン</t>
    </r>
    <r>
      <rPr>
        <sz val="14"/>
        <rFont val="HGP教科書体"/>
        <family val="1"/>
        <charset val="128"/>
      </rPr>
      <t>だ。</t>
    </r>
    <rPh sb="0" eb="1">
      <t>チチ</t>
    </rPh>
    <phoneticPr fontId="2"/>
  </si>
  <si>
    <r>
      <t>山の</t>
    </r>
    <r>
      <rPr>
        <b/>
        <u/>
        <sz val="14"/>
        <rFont val="HGP教科書体"/>
        <family val="1"/>
        <charset val="128"/>
      </rPr>
      <t>テンネンスイ</t>
    </r>
    <r>
      <rPr>
        <sz val="14"/>
        <rFont val="HGP教科書体"/>
        <family val="1"/>
        <charset val="128"/>
      </rPr>
      <t>を飲む。</t>
    </r>
    <rPh sb="0" eb="1">
      <t>ヤマ</t>
    </rPh>
    <rPh sb="9" eb="10">
      <t>ノ</t>
    </rPh>
    <phoneticPr fontId="2"/>
  </si>
  <si>
    <r>
      <t>千葉県の</t>
    </r>
    <r>
      <rPr>
        <b/>
        <u/>
        <sz val="14"/>
        <rFont val="HGP教科書体"/>
        <family val="1"/>
        <charset val="128"/>
      </rPr>
      <t>サンギョウ</t>
    </r>
    <r>
      <rPr>
        <sz val="14"/>
        <rFont val="HGP教科書体"/>
        <family val="1"/>
        <charset val="128"/>
      </rPr>
      <t>。</t>
    </r>
    <rPh sb="0" eb="3">
      <t>チバケン</t>
    </rPh>
    <phoneticPr fontId="2"/>
  </si>
  <si>
    <r>
      <t>会議の</t>
    </r>
    <r>
      <rPr>
        <b/>
        <u/>
        <sz val="14"/>
        <rFont val="HGP教科書体"/>
        <family val="1"/>
        <charset val="128"/>
      </rPr>
      <t>シュッケツ</t>
    </r>
    <r>
      <rPr>
        <sz val="14"/>
        <rFont val="HGP教科書体"/>
        <family val="1"/>
        <charset val="128"/>
      </rPr>
      <t>を調べる。</t>
    </r>
    <rPh sb="0" eb="2">
      <t>カイギ</t>
    </rPh>
    <rPh sb="9" eb="10">
      <t>チョウ</t>
    </rPh>
    <phoneticPr fontId="2"/>
  </si>
  <si>
    <r>
      <t>問題をとく</t>
    </r>
    <r>
      <rPr>
        <b/>
        <u/>
        <sz val="14"/>
        <rFont val="HGP教科書体"/>
        <family val="1"/>
        <charset val="128"/>
      </rPr>
      <t>ホウホウ</t>
    </r>
    <r>
      <rPr>
        <sz val="14"/>
        <rFont val="HGP教科書体"/>
        <family val="1"/>
        <charset val="128"/>
      </rPr>
      <t>。</t>
    </r>
    <rPh sb="0" eb="2">
      <t>モンダイ</t>
    </rPh>
    <phoneticPr fontId="2"/>
  </si>
  <si>
    <r>
      <t>国語</t>
    </r>
    <r>
      <rPr>
        <b/>
        <u/>
        <sz val="14"/>
        <rFont val="HGP教科書体"/>
        <family val="1"/>
        <charset val="128"/>
      </rPr>
      <t>ジテン</t>
    </r>
    <r>
      <rPr>
        <sz val="14"/>
        <rFont val="HGP教科書体"/>
        <family val="1"/>
        <charset val="128"/>
      </rPr>
      <t>をもらった。</t>
    </r>
    <rPh sb="0" eb="2">
      <t>コクゴ</t>
    </rPh>
    <phoneticPr fontId="2"/>
  </si>
  <si>
    <r>
      <rPr>
        <b/>
        <u/>
        <sz val="14"/>
        <rFont val="HGP教科書体"/>
        <family val="1"/>
        <charset val="128"/>
      </rPr>
      <t>リソク</t>
    </r>
    <r>
      <rPr>
        <sz val="14"/>
        <rFont val="HGP教科書体"/>
        <family val="1"/>
        <charset val="128"/>
      </rPr>
      <t>を計算する。</t>
    </r>
    <rPh sb="4" eb="6">
      <t>ケイサン</t>
    </rPh>
    <phoneticPr fontId="2"/>
  </si>
  <si>
    <r>
      <t>駅近くにビルを</t>
    </r>
    <r>
      <rPr>
        <b/>
        <u/>
        <sz val="14"/>
        <rFont val="HGP教科書体"/>
        <family val="1"/>
        <charset val="128"/>
      </rPr>
      <t>ケン</t>
    </r>
    <r>
      <rPr>
        <sz val="14"/>
        <rFont val="HGP教科書体"/>
        <family val="1"/>
        <charset val="128"/>
      </rPr>
      <t>せつする。</t>
    </r>
    <rPh sb="0" eb="1">
      <t>エキ</t>
    </rPh>
    <rPh sb="1" eb="2">
      <t>チカ</t>
    </rPh>
    <phoneticPr fontId="1"/>
  </si>
  <si>
    <r>
      <rPr>
        <sz val="14"/>
        <rFont val="HGP教科書体"/>
        <family val="1"/>
        <charset val="128"/>
      </rPr>
      <t>千の</t>
    </r>
    <r>
      <rPr>
        <b/>
        <u/>
        <sz val="14"/>
        <rFont val="HGP教科書体"/>
        <family val="1"/>
        <charset val="128"/>
      </rPr>
      <t>クライ</t>
    </r>
    <r>
      <rPr>
        <sz val="14"/>
        <rFont val="HGP教科書体"/>
        <family val="1"/>
        <charset val="128"/>
      </rPr>
      <t>。</t>
    </r>
    <rPh sb="0" eb="1">
      <t>セン</t>
    </rPh>
    <phoneticPr fontId="1"/>
  </si>
  <si>
    <r>
      <rPr>
        <b/>
        <u/>
        <sz val="14"/>
        <rFont val="HGP教科書体"/>
        <family val="1"/>
        <charset val="128"/>
      </rPr>
      <t>ヒツゼンテキ</t>
    </r>
    <r>
      <rPr>
        <sz val="14"/>
        <rFont val="HGP教科書体"/>
        <family val="1"/>
        <charset val="128"/>
      </rPr>
      <t>に体力が落ちる。</t>
    </r>
    <rPh sb="7" eb="9">
      <t>タイリョク</t>
    </rPh>
    <rPh sb="10" eb="11">
      <t>オ</t>
    </rPh>
    <phoneticPr fontId="1"/>
  </si>
  <si>
    <r>
      <rPr>
        <b/>
        <u/>
        <sz val="14"/>
        <rFont val="HGP教科書体"/>
        <family val="1"/>
        <charset val="128"/>
      </rPr>
      <t>ジサ</t>
    </r>
    <r>
      <rPr>
        <sz val="14"/>
        <rFont val="HGP教科書体"/>
        <family val="1"/>
        <charset val="128"/>
      </rPr>
      <t>式の信号。</t>
    </r>
    <rPh sb="2" eb="3">
      <t>シキ</t>
    </rPh>
    <rPh sb="4" eb="6">
      <t>シンゴウ</t>
    </rPh>
    <phoneticPr fontId="1"/>
  </si>
  <si>
    <r>
      <rPr>
        <b/>
        <u/>
        <sz val="14"/>
        <rFont val="HGP教科書体"/>
        <family val="1"/>
        <charset val="128"/>
      </rPr>
      <t>イフク</t>
    </r>
    <r>
      <rPr>
        <sz val="14"/>
        <rFont val="HGP教科書体"/>
        <family val="1"/>
        <charset val="128"/>
      </rPr>
      <t>を整える。</t>
    </r>
    <rPh sb="4" eb="5">
      <t>トトノ</t>
    </rPh>
    <phoneticPr fontId="1"/>
  </si>
  <si>
    <r>
      <t>ジドウカイ</t>
    </r>
    <r>
      <rPr>
        <sz val="14"/>
        <rFont val="HGP教科書体"/>
        <family val="1"/>
        <charset val="128"/>
      </rPr>
      <t>に参加する。</t>
    </r>
    <rPh sb="6" eb="8">
      <t>サンカ</t>
    </rPh>
    <phoneticPr fontId="1"/>
  </si>
  <si>
    <r>
      <t>一日の行動を</t>
    </r>
    <r>
      <rPr>
        <b/>
        <u/>
        <sz val="14"/>
        <rFont val="HGP教科書体"/>
        <family val="1"/>
        <charset val="128"/>
      </rPr>
      <t>ハンセイ</t>
    </r>
    <r>
      <rPr>
        <sz val="14"/>
        <rFont val="HGP教科書体"/>
        <family val="1"/>
        <charset val="128"/>
      </rPr>
      <t>する。</t>
    </r>
    <rPh sb="0" eb="2">
      <t>イチニチ</t>
    </rPh>
    <rPh sb="3" eb="5">
      <t>コウドウ</t>
    </rPh>
    <phoneticPr fontId="1"/>
  </si>
  <si>
    <r>
      <t>小学校を</t>
    </r>
    <r>
      <rPr>
        <b/>
        <u/>
        <sz val="14"/>
        <rFont val="HGP教科書体"/>
        <family val="1"/>
        <charset val="128"/>
      </rPr>
      <t>ソツギョウ</t>
    </r>
    <r>
      <rPr>
        <sz val="14"/>
        <rFont val="HGP教科書体"/>
        <family val="1"/>
        <charset val="128"/>
      </rPr>
      <t>する。</t>
    </r>
    <rPh sb="0" eb="3">
      <t>ショウガッコウ</t>
    </rPh>
    <phoneticPr fontId="1"/>
  </si>
  <si>
    <r>
      <t>今日のテストは</t>
    </r>
    <r>
      <rPr>
        <b/>
        <u/>
        <sz val="14"/>
        <rFont val="HGP教科書体"/>
        <family val="1"/>
        <charset val="128"/>
      </rPr>
      <t>ジシン</t>
    </r>
    <r>
      <rPr>
        <sz val="14"/>
        <rFont val="HGP教科書体"/>
        <family val="1"/>
        <charset val="128"/>
      </rPr>
      <t>がある。</t>
    </r>
    <rPh sb="0" eb="2">
      <t>キョウ</t>
    </rPh>
    <phoneticPr fontId="1"/>
  </si>
  <si>
    <r>
      <rPr>
        <sz val="14"/>
        <rFont val="HGP教科書体"/>
        <family val="1"/>
        <charset val="128"/>
      </rPr>
      <t>写真</t>
    </r>
    <r>
      <rPr>
        <b/>
        <u/>
        <sz val="14"/>
        <rFont val="HGP教科書体"/>
        <family val="1"/>
        <charset val="128"/>
      </rPr>
      <t>アイコウカ</t>
    </r>
    <r>
      <rPr>
        <sz val="14"/>
        <rFont val="HGP教科書体"/>
        <family val="1"/>
        <charset val="128"/>
      </rPr>
      <t>が集まる。</t>
    </r>
    <rPh sb="8" eb="9">
      <t>アツ</t>
    </rPh>
    <phoneticPr fontId="1"/>
  </si>
  <si>
    <r>
      <t>音読みと</t>
    </r>
    <r>
      <rPr>
        <b/>
        <u/>
        <sz val="14"/>
        <rFont val="HGP教科書体"/>
        <family val="1"/>
        <charset val="128"/>
      </rPr>
      <t>クン</t>
    </r>
    <r>
      <rPr>
        <sz val="14"/>
        <rFont val="HGP教科書体"/>
        <family val="1"/>
        <charset val="128"/>
      </rPr>
      <t>読み。</t>
    </r>
    <rPh sb="0" eb="2">
      <t>おんよ</t>
    </rPh>
    <rPh sb="6" eb="7">
      <t>よ</t>
    </rPh>
    <phoneticPr fontId="3" type="Hiragana"/>
  </si>
  <si>
    <r>
      <t>オーロラを</t>
    </r>
    <r>
      <rPr>
        <b/>
        <u/>
        <sz val="14"/>
        <rFont val="HGP教科書体"/>
        <family val="1"/>
        <charset val="128"/>
      </rPr>
      <t>ハジ</t>
    </r>
    <r>
      <rPr>
        <sz val="14"/>
        <rFont val="HGP教科書体"/>
        <family val="1"/>
        <charset val="128"/>
      </rPr>
      <t>めて見る。</t>
    </r>
    <rPh sb="9" eb="10">
      <t>ミ</t>
    </rPh>
    <phoneticPr fontId="1"/>
  </si>
  <si>
    <r>
      <t>小学生</t>
    </r>
    <r>
      <rPr>
        <b/>
        <u/>
        <sz val="14"/>
        <rFont val="HGP教科書体"/>
        <family val="1"/>
        <charset val="128"/>
      </rPr>
      <t>ミマン</t>
    </r>
    <r>
      <rPr>
        <sz val="14"/>
        <rFont val="HGP教科書体"/>
        <family val="1"/>
        <charset val="128"/>
      </rPr>
      <t>は入れません。</t>
    </r>
    <rPh sb="0" eb="3">
      <t>ショウガクセイ</t>
    </rPh>
    <rPh sb="7" eb="8">
      <t>ハイ</t>
    </rPh>
    <phoneticPr fontId="1"/>
  </si>
  <si>
    <r>
      <t>アサガオの</t>
    </r>
    <r>
      <rPr>
        <b/>
        <u/>
        <sz val="14"/>
        <rFont val="HGP教科書体"/>
        <family val="1"/>
        <charset val="128"/>
      </rPr>
      <t>メ</t>
    </r>
    <r>
      <rPr>
        <sz val="14"/>
        <rFont val="HGP教科書体"/>
        <family val="1"/>
        <charset val="128"/>
      </rPr>
      <t>が出る。</t>
    </r>
    <rPh sb="7" eb="8">
      <t>デ</t>
    </rPh>
    <phoneticPr fontId="1"/>
  </si>
  <si>
    <r>
      <t>念仏を</t>
    </r>
    <r>
      <rPr>
        <b/>
        <u/>
        <sz val="14"/>
        <rFont val="HGP教科書体"/>
        <family val="1"/>
        <charset val="128"/>
      </rPr>
      <t>トナ</t>
    </r>
    <r>
      <rPr>
        <sz val="14"/>
        <rFont val="HGP教科書体"/>
        <family val="1"/>
        <charset val="128"/>
      </rPr>
      <t>える。</t>
    </r>
    <rPh sb="0" eb="2">
      <t>ネンブツ</t>
    </rPh>
    <phoneticPr fontId="1"/>
  </si>
  <si>
    <r>
      <rPr>
        <sz val="14"/>
        <rFont val="HGP教科書体"/>
        <family val="1"/>
        <charset val="128"/>
      </rPr>
      <t>昔話を</t>
    </r>
    <r>
      <rPr>
        <b/>
        <u/>
        <sz val="14"/>
        <rFont val="HGP教科書体"/>
        <family val="1"/>
        <charset val="128"/>
      </rPr>
      <t>ツタ</t>
    </r>
    <r>
      <rPr>
        <sz val="14"/>
        <rFont val="HGP教科書体"/>
        <family val="1"/>
        <charset val="128"/>
      </rPr>
      <t>える。</t>
    </r>
    <rPh sb="0" eb="2">
      <t>ムカシバナシ</t>
    </rPh>
    <phoneticPr fontId="1"/>
  </si>
  <si>
    <r>
      <t>明日は</t>
    </r>
    <r>
      <rPr>
        <b/>
        <u/>
        <sz val="14"/>
        <rFont val="HGP教科書体"/>
        <family val="1"/>
        <charset val="128"/>
      </rPr>
      <t>シュクジツ</t>
    </r>
    <r>
      <rPr>
        <sz val="14"/>
        <rFont val="HGP教科書体"/>
        <family val="1"/>
        <charset val="128"/>
      </rPr>
      <t>で休みだ。</t>
    </r>
    <rPh sb="0" eb="2">
      <t>アシタ</t>
    </rPh>
    <rPh sb="9" eb="10">
      <t>ヤス</t>
    </rPh>
    <phoneticPr fontId="1"/>
  </si>
  <si>
    <r>
      <t>給食を</t>
    </r>
    <r>
      <rPr>
        <b/>
        <u/>
        <sz val="14"/>
        <rFont val="HGP教科書体"/>
        <family val="1"/>
        <charset val="128"/>
      </rPr>
      <t>ノコ</t>
    </r>
    <r>
      <rPr>
        <sz val="14"/>
        <rFont val="HGP教科書体"/>
        <family val="1"/>
        <charset val="128"/>
      </rPr>
      <t>す。</t>
    </r>
    <rPh sb="0" eb="2">
      <t>キュウショク</t>
    </rPh>
    <phoneticPr fontId="1"/>
  </si>
  <si>
    <r>
      <t>日が強く</t>
    </r>
    <r>
      <rPr>
        <b/>
        <u/>
        <sz val="14"/>
        <rFont val="HGP教科書体"/>
        <family val="1"/>
        <charset val="128"/>
      </rPr>
      <t>テ</t>
    </r>
    <r>
      <rPr>
        <sz val="14"/>
        <rFont val="HGP教科書体"/>
        <family val="1"/>
        <charset val="128"/>
      </rPr>
      <t>る。</t>
    </r>
    <rPh sb="0" eb="1">
      <t>ヒ</t>
    </rPh>
    <rPh sb="2" eb="3">
      <t>ツヨ</t>
    </rPh>
    <phoneticPr fontId="1"/>
  </si>
  <si>
    <r>
      <rPr>
        <b/>
        <u/>
        <sz val="14"/>
        <rFont val="HGP教科書体"/>
        <family val="1"/>
        <charset val="128"/>
      </rPr>
      <t>ケイリンセンシュ</t>
    </r>
    <r>
      <rPr>
        <sz val="14"/>
        <rFont val="HGP教科書体"/>
        <family val="1"/>
        <charset val="128"/>
      </rPr>
      <t>の練習。</t>
    </r>
    <rPh sb="9" eb="11">
      <t>レンシュウ</t>
    </rPh>
    <phoneticPr fontId="1"/>
  </si>
  <si>
    <r>
      <t>野球の</t>
    </r>
    <r>
      <rPr>
        <b/>
        <u/>
        <sz val="14"/>
        <rFont val="HGP教科書体"/>
        <family val="1"/>
        <charset val="128"/>
      </rPr>
      <t>イチグン</t>
    </r>
    <r>
      <rPr>
        <sz val="14"/>
        <rFont val="HGP教科書体"/>
        <family val="1"/>
        <charset val="128"/>
      </rPr>
      <t>。</t>
    </r>
    <rPh sb="0" eb="2">
      <t>ヤキュウ</t>
    </rPh>
    <phoneticPr fontId="1"/>
  </si>
  <si>
    <r>
      <t>右手に</t>
    </r>
    <r>
      <rPr>
        <b/>
        <u/>
        <sz val="14"/>
        <rFont val="HGP教科書体"/>
        <family val="1"/>
        <charset val="128"/>
      </rPr>
      <t>ホウタイ</t>
    </r>
    <r>
      <rPr>
        <sz val="14"/>
        <rFont val="HGP教科書体"/>
        <family val="1"/>
        <charset val="128"/>
      </rPr>
      <t>をまく。</t>
    </r>
    <rPh sb="0" eb="2">
      <t>ミギテ</t>
    </rPh>
    <phoneticPr fontId="1"/>
  </si>
  <si>
    <r>
      <t>わたしはご飯が</t>
    </r>
    <r>
      <rPr>
        <b/>
        <u/>
        <sz val="14"/>
        <rFont val="HGP教科書体"/>
        <family val="1"/>
        <charset val="128"/>
      </rPr>
      <t>ス</t>
    </r>
    <r>
      <rPr>
        <sz val="14"/>
        <rFont val="HGP教科書体"/>
        <family val="1"/>
        <charset val="128"/>
      </rPr>
      <t>きだ。</t>
    </r>
    <rPh sb="5" eb="6">
      <t>ハン</t>
    </rPh>
    <phoneticPr fontId="1"/>
  </si>
  <si>
    <r>
      <t>気温が</t>
    </r>
    <r>
      <rPr>
        <b/>
        <u/>
        <sz val="14"/>
        <rFont val="HGP教科書体"/>
        <family val="1"/>
        <charset val="128"/>
      </rPr>
      <t>カ</t>
    </r>
    <r>
      <rPr>
        <sz val="14"/>
        <rFont val="HGP教科書体"/>
        <family val="1"/>
        <charset val="128"/>
      </rPr>
      <t>わる。</t>
    </r>
    <rPh sb="0" eb="2">
      <t>キオン</t>
    </rPh>
    <phoneticPr fontId="1"/>
  </si>
  <si>
    <r>
      <t>たん生日を</t>
    </r>
    <r>
      <rPr>
        <b/>
        <u/>
        <sz val="14"/>
        <rFont val="HGP教科書体"/>
        <family val="1"/>
        <charset val="128"/>
      </rPr>
      <t>イワ</t>
    </r>
    <r>
      <rPr>
        <sz val="14"/>
        <rFont val="HGP教科書体"/>
        <family val="1"/>
        <charset val="128"/>
      </rPr>
      <t>う。</t>
    </r>
    <rPh sb="2" eb="3">
      <t>ナマ</t>
    </rPh>
    <rPh sb="3" eb="4">
      <t>ヒ</t>
    </rPh>
    <phoneticPr fontId="1"/>
  </si>
  <si>
    <r>
      <t>天気の悪くなる</t>
    </r>
    <r>
      <rPr>
        <b/>
        <u/>
        <sz val="14"/>
        <rFont val="HGP教科書体"/>
        <family val="1"/>
        <charset val="128"/>
      </rPr>
      <t>チョウコウ</t>
    </r>
    <r>
      <rPr>
        <sz val="14"/>
        <rFont val="HGP教科書体"/>
        <family val="1"/>
        <charset val="128"/>
      </rPr>
      <t>。</t>
    </r>
    <rPh sb="0" eb="2">
      <t>テンキ</t>
    </rPh>
    <rPh sb="3" eb="4">
      <t>ワル</t>
    </rPh>
    <phoneticPr fontId="1"/>
  </si>
  <si>
    <r>
      <t>部屋を</t>
    </r>
    <r>
      <rPr>
        <b/>
        <u/>
        <sz val="14"/>
        <rFont val="HGP教科書体"/>
        <family val="1"/>
        <charset val="128"/>
      </rPr>
      <t>チ</t>
    </r>
    <r>
      <rPr>
        <sz val="14"/>
        <rFont val="HGP教科書体"/>
        <family val="1"/>
        <charset val="128"/>
      </rPr>
      <t>らかす。</t>
    </r>
    <rPh sb="0" eb="2">
      <t>ヘヤ</t>
    </rPh>
    <phoneticPr fontId="1"/>
  </si>
  <si>
    <r>
      <rPr>
        <b/>
        <u/>
        <sz val="14"/>
        <rFont val="HGP教科書体"/>
        <family val="1"/>
        <charset val="128"/>
      </rPr>
      <t>ショクエンスイ</t>
    </r>
    <r>
      <rPr>
        <sz val="14"/>
        <rFont val="HGP教科書体"/>
        <family val="1"/>
        <charset val="128"/>
      </rPr>
      <t>を作る。</t>
    </r>
    <rPh sb="8" eb="9">
      <t>ツク</t>
    </rPh>
    <phoneticPr fontId="1"/>
  </si>
  <si>
    <r>
      <rPr>
        <b/>
        <u/>
        <sz val="14"/>
        <rFont val="HGP教科書体"/>
        <family val="1"/>
        <charset val="128"/>
      </rPr>
      <t>ホウカゴ</t>
    </r>
    <r>
      <rPr>
        <sz val="14"/>
        <rFont val="HGP教科書体"/>
        <family val="1"/>
        <charset val="128"/>
      </rPr>
      <t>は公園に集まろう。</t>
    </r>
    <rPh sb="5" eb="7">
      <t>コウエン</t>
    </rPh>
    <rPh sb="8" eb="9">
      <t>アツ</t>
    </rPh>
    <phoneticPr fontId="1"/>
  </si>
  <si>
    <r>
      <rPr>
        <b/>
        <u/>
        <sz val="14"/>
        <rFont val="HGP教科書体"/>
        <family val="1"/>
        <charset val="128"/>
      </rPr>
      <t>トドウフケン</t>
    </r>
    <r>
      <rPr>
        <sz val="14"/>
        <rFont val="HGP教科書体"/>
        <family val="1"/>
        <charset val="128"/>
      </rPr>
      <t>名を覚える。</t>
    </r>
    <rPh sb="6" eb="7">
      <t>メイ</t>
    </rPh>
    <rPh sb="8" eb="9">
      <t>オボ</t>
    </rPh>
    <phoneticPr fontId="1"/>
  </si>
  <si>
    <r>
      <rPr>
        <b/>
        <u/>
        <sz val="14"/>
        <rFont val="HGP教科書体"/>
        <family val="1"/>
        <charset val="128"/>
      </rPr>
      <t>シソン</t>
    </r>
    <r>
      <rPr>
        <sz val="14"/>
        <rFont val="HGP教科書体"/>
        <family val="1"/>
        <charset val="128"/>
      </rPr>
      <t>のはん栄を願う。</t>
    </r>
    <rPh sb="6" eb="7">
      <t>エイ</t>
    </rPh>
    <rPh sb="8" eb="9">
      <t>ネガ</t>
    </rPh>
    <phoneticPr fontId="1"/>
  </si>
  <si>
    <r>
      <t>アイスを</t>
    </r>
    <r>
      <rPr>
        <b/>
        <u/>
        <sz val="14"/>
        <rFont val="HGP教科書体"/>
        <family val="1"/>
        <charset val="128"/>
      </rPr>
      <t>レイ</t>
    </r>
    <r>
      <rPr>
        <sz val="14"/>
        <rFont val="HGP教科書体"/>
        <family val="1"/>
        <charset val="128"/>
      </rPr>
      <t>とう庫に入れる。</t>
    </r>
    <rPh sb="8" eb="9">
      <t>コ</t>
    </rPh>
    <rPh sb="10" eb="11">
      <t>イ</t>
    </rPh>
    <phoneticPr fontId="1"/>
  </si>
  <si>
    <r>
      <t>旅行先で</t>
    </r>
    <r>
      <rPr>
        <b/>
        <u/>
        <sz val="14"/>
        <rFont val="HGP教科書体"/>
        <family val="1"/>
        <charset val="128"/>
      </rPr>
      <t>キネン</t>
    </r>
    <r>
      <rPr>
        <sz val="14"/>
        <rFont val="HGP教科書体"/>
        <family val="1"/>
        <charset val="128"/>
      </rPr>
      <t>写真をとる。</t>
    </r>
    <rPh sb="0" eb="3">
      <t>リョコウサキ</t>
    </rPh>
    <rPh sb="7" eb="9">
      <t>シャシン</t>
    </rPh>
    <phoneticPr fontId="1"/>
  </si>
  <si>
    <r>
      <t>朝顔の</t>
    </r>
    <r>
      <rPr>
        <b/>
        <u/>
        <sz val="14"/>
        <rFont val="HGP教科書体"/>
        <family val="1"/>
        <charset val="128"/>
      </rPr>
      <t>カンサツ</t>
    </r>
    <r>
      <rPr>
        <sz val="14"/>
        <rFont val="HGP教科書体"/>
        <family val="1"/>
        <charset val="128"/>
      </rPr>
      <t>をする。</t>
    </r>
    <rPh sb="0" eb="2">
      <t>アサガオ</t>
    </rPh>
    <phoneticPr fontId="1"/>
  </si>
  <si>
    <r>
      <rPr>
        <b/>
        <u/>
        <sz val="14"/>
        <rFont val="HGP教科書体"/>
        <family val="1"/>
        <charset val="128"/>
      </rPr>
      <t>イサ</t>
    </r>
    <r>
      <rPr>
        <sz val="14"/>
        <rFont val="HGP教科書体"/>
        <family val="1"/>
        <charset val="128"/>
      </rPr>
      <t>ましく立ち向かう。</t>
    </r>
    <rPh sb="5" eb="6">
      <t>タ</t>
    </rPh>
    <rPh sb="7" eb="8">
      <t>ム</t>
    </rPh>
    <phoneticPr fontId="1"/>
  </si>
  <si>
    <r>
      <t>家を</t>
    </r>
    <r>
      <rPr>
        <b/>
        <u/>
        <sz val="14"/>
        <rFont val="HGP教科書体"/>
        <family val="1"/>
        <charset val="128"/>
      </rPr>
      <t>カ</t>
    </r>
    <r>
      <rPr>
        <sz val="14"/>
        <rFont val="HGP教科書体"/>
        <family val="1"/>
        <charset val="128"/>
      </rPr>
      <t>りる。</t>
    </r>
    <rPh sb="0" eb="1">
      <t>イエ</t>
    </rPh>
    <phoneticPr fontId="1"/>
  </si>
  <si>
    <r>
      <rPr>
        <b/>
        <u/>
        <sz val="14"/>
        <rFont val="HGP教科書体"/>
        <family val="1"/>
        <charset val="128"/>
      </rPr>
      <t>カイサツグチ</t>
    </r>
    <r>
      <rPr>
        <sz val="14"/>
        <rFont val="HGP教科書体"/>
        <family val="1"/>
        <charset val="128"/>
      </rPr>
      <t>を出る。</t>
    </r>
    <rPh sb="7" eb="8">
      <t>デ</t>
    </rPh>
    <phoneticPr fontId="1"/>
  </si>
  <si>
    <r>
      <t>家の</t>
    </r>
    <r>
      <rPr>
        <b/>
        <u/>
        <sz val="14"/>
        <rFont val="HGP教科書体"/>
        <family val="1"/>
        <charset val="128"/>
      </rPr>
      <t>フキン</t>
    </r>
    <r>
      <rPr>
        <sz val="14"/>
        <rFont val="HGP教科書体"/>
        <family val="1"/>
        <charset val="128"/>
      </rPr>
      <t>の地図。</t>
    </r>
    <rPh sb="0" eb="1">
      <t>イエ</t>
    </rPh>
    <rPh sb="6" eb="8">
      <t>チズ</t>
    </rPh>
    <phoneticPr fontId="1"/>
  </si>
  <si>
    <r>
      <t>ギョウザの具を皮で</t>
    </r>
    <r>
      <rPr>
        <b/>
        <u/>
        <sz val="14"/>
        <rFont val="HGP教科書体"/>
        <family val="1"/>
        <charset val="128"/>
      </rPr>
      <t>ツツ</t>
    </r>
    <r>
      <rPr>
        <sz val="14"/>
        <rFont val="HGP教科書体"/>
        <family val="1"/>
        <charset val="128"/>
      </rPr>
      <t>む。</t>
    </r>
    <rPh sb="5" eb="6">
      <t>グ</t>
    </rPh>
    <rPh sb="7" eb="8">
      <t>カワ</t>
    </rPh>
    <phoneticPr fontId="1"/>
  </si>
  <si>
    <r>
      <t>かえるの歌を</t>
    </r>
    <r>
      <rPr>
        <b/>
        <u/>
        <sz val="14"/>
        <rFont val="HGP教科書体"/>
        <family val="1"/>
        <charset val="128"/>
      </rPr>
      <t>リンショウ</t>
    </r>
    <r>
      <rPr>
        <sz val="14"/>
        <rFont val="HGP教科書体"/>
        <family val="1"/>
        <charset val="128"/>
      </rPr>
      <t>する。</t>
    </r>
    <rPh sb="4" eb="5">
      <t>ウタ</t>
    </rPh>
    <phoneticPr fontId="1"/>
  </si>
  <si>
    <r>
      <t>試合に負けて</t>
    </r>
    <r>
      <rPr>
        <b/>
        <u/>
        <sz val="14"/>
        <rFont val="HGP教科書体"/>
        <family val="1"/>
        <charset val="128"/>
      </rPr>
      <t>ザンネン</t>
    </r>
    <r>
      <rPr>
        <sz val="14"/>
        <rFont val="HGP教科書体"/>
        <family val="1"/>
        <charset val="128"/>
      </rPr>
      <t>だ。</t>
    </r>
    <rPh sb="0" eb="2">
      <t>シアイ</t>
    </rPh>
    <rPh sb="3" eb="4">
      <t>マ</t>
    </rPh>
    <phoneticPr fontId="1"/>
  </si>
  <si>
    <r>
      <t>校庭を</t>
    </r>
    <r>
      <rPr>
        <b/>
        <u/>
        <sz val="14"/>
        <rFont val="HGP教科書体"/>
        <family val="1"/>
        <charset val="128"/>
      </rPr>
      <t>イッシュウ</t>
    </r>
    <r>
      <rPr>
        <sz val="14"/>
        <rFont val="HGP教科書体"/>
        <family val="1"/>
        <charset val="128"/>
      </rPr>
      <t>する。</t>
    </r>
    <rPh sb="0" eb="2">
      <t>コウテイ</t>
    </rPh>
    <phoneticPr fontId="1"/>
  </si>
  <si>
    <r>
      <rPr>
        <b/>
        <u/>
        <sz val="14"/>
        <rFont val="HGP教科書体"/>
        <family val="1"/>
        <charset val="128"/>
      </rPr>
      <t>ヨ</t>
    </r>
    <r>
      <rPr>
        <sz val="14"/>
        <rFont val="HGP教科書体"/>
        <family val="1"/>
        <charset val="128"/>
      </rPr>
      <t>い行いを心がける。</t>
    </r>
    <rPh sb="2" eb="3">
      <t>オコナ</t>
    </rPh>
    <rPh sb="5" eb="6">
      <t>ココロ</t>
    </rPh>
    <phoneticPr fontId="1"/>
  </si>
  <si>
    <r>
      <t>具合の悪いところを</t>
    </r>
    <r>
      <rPr>
        <b/>
        <u/>
        <sz val="14"/>
        <rFont val="HGP教科書体"/>
        <family val="1"/>
        <charset val="128"/>
      </rPr>
      <t>ナオ</t>
    </r>
    <r>
      <rPr>
        <sz val="14"/>
        <rFont val="HGP教科書体"/>
        <family val="1"/>
        <charset val="128"/>
      </rPr>
      <t>す。</t>
    </r>
    <rPh sb="0" eb="2">
      <t>グアイ</t>
    </rPh>
    <rPh sb="3" eb="4">
      <t>ワル</t>
    </rPh>
    <phoneticPr fontId="1"/>
  </si>
  <si>
    <r>
      <rPr>
        <b/>
        <u/>
        <sz val="14"/>
        <rFont val="HGP教科書体"/>
        <family val="1"/>
        <charset val="128"/>
      </rPr>
      <t>ギョセン</t>
    </r>
    <r>
      <rPr>
        <sz val="14"/>
        <rFont val="HGP教科書体"/>
        <family val="1"/>
        <charset val="128"/>
      </rPr>
      <t>に乗って海に出る。</t>
    </r>
    <rPh sb="5" eb="6">
      <t>ノ</t>
    </rPh>
    <rPh sb="8" eb="9">
      <t>ウミ</t>
    </rPh>
    <rPh sb="10" eb="11">
      <t>デ</t>
    </rPh>
    <phoneticPr fontId="1"/>
  </si>
  <si>
    <r>
      <rPr>
        <b/>
        <u/>
        <sz val="14"/>
        <rFont val="HGP教科書体"/>
        <family val="1"/>
        <charset val="128"/>
      </rPr>
      <t>ハクブツカン</t>
    </r>
    <r>
      <rPr>
        <sz val="14"/>
        <rFont val="HGP教科書体"/>
        <family val="1"/>
        <charset val="128"/>
      </rPr>
      <t>に行く。</t>
    </r>
    <rPh sb="7" eb="8">
      <t>イ</t>
    </rPh>
    <phoneticPr fontId="1"/>
  </si>
  <si>
    <r>
      <t>自ら</t>
    </r>
    <r>
      <rPr>
        <b/>
        <u/>
        <sz val="14"/>
        <rFont val="HGP教科書体"/>
        <family val="1"/>
        <charset val="128"/>
      </rPr>
      <t>シメイ</t>
    </r>
    <r>
      <rPr>
        <sz val="14"/>
        <rFont val="HGP教科書体"/>
        <family val="1"/>
        <charset val="128"/>
      </rPr>
      <t>を名乗る。</t>
    </r>
    <rPh sb="0" eb="1">
      <t>ミズカ</t>
    </rPh>
    <rPh sb="6" eb="8">
      <t>ナノ</t>
    </rPh>
    <phoneticPr fontId="1"/>
  </si>
  <si>
    <r>
      <t>意見のある時は</t>
    </r>
    <r>
      <rPr>
        <b/>
        <u/>
        <sz val="14"/>
        <rFont val="HGP教科書体"/>
        <family val="1"/>
        <charset val="128"/>
      </rPr>
      <t>キョシュ</t>
    </r>
    <r>
      <rPr>
        <sz val="14"/>
        <rFont val="HGP教科書体"/>
        <family val="1"/>
        <charset val="128"/>
      </rPr>
      <t>する。</t>
    </r>
    <rPh sb="0" eb="2">
      <t>イケン</t>
    </rPh>
    <rPh sb="5" eb="6">
      <t>トキ</t>
    </rPh>
    <phoneticPr fontId="1"/>
  </si>
  <si>
    <r>
      <t>鳥の声で目を</t>
    </r>
    <r>
      <rPr>
        <b/>
        <u/>
        <sz val="14"/>
        <rFont val="HGP教科書体"/>
        <family val="1"/>
        <charset val="128"/>
      </rPr>
      <t>サ</t>
    </r>
    <r>
      <rPr>
        <sz val="14"/>
        <rFont val="HGP教科書体"/>
        <family val="1"/>
        <charset val="128"/>
      </rPr>
      <t>ます。</t>
    </r>
    <rPh sb="0" eb="1">
      <t>トリ</t>
    </rPh>
    <rPh sb="2" eb="3">
      <t>コエ</t>
    </rPh>
    <rPh sb="4" eb="5">
      <t>メ</t>
    </rPh>
    <phoneticPr fontId="1"/>
  </si>
  <si>
    <r>
      <t>庭で水</t>
    </r>
    <r>
      <rPr>
        <b/>
        <u/>
        <sz val="14"/>
        <rFont val="HGP教科書体"/>
        <family val="1"/>
        <charset val="128"/>
      </rPr>
      <t>ア</t>
    </r>
    <r>
      <rPr>
        <sz val="14"/>
        <rFont val="HGP教科書体"/>
        <family val="1"/>
        <charset val="128"/>
      </rPr>
      <t>びをする。</t>
    </r>
    <rPh sb="0" eb="1">
      <t>ニワ</t>
    </rPh>
    <rPh sb="2" eb="3">
      <t>ミズ</t>
    </rPh>
    <phoneticPr fontId="1"/>
  </si>
  <si>
    <r>
      <rPr>
        <sz val="14"/>
        <rFont val="HGP教科書体"/>
        <family val="1"/>
        <charset val="128"/>
      </rPr>
      <t>国が</t>
    </r>
    <r>
      <rPr>
        <b/>
        <u/>
        <sz val="14"/>
        <rFont val="HGP教科書体"/>
        <family val="1"/>
        <charset val="128"/>
      </rPr>
      <t>サカ</t>
    </r>
    <r>
      <rPr>
        <sz val="14"/>
        <rFont val="HGP教科書体"/>
        <family val="1"/>
        <charset val="128"/>
      </rPr>
      <t>える。</t>
    </r>
    <rPh sb="0" eb="1">
      <t>クニ</t>
    </rPh>
    <phoneticPr fontId="1"/>
  </si>
  <si>
    <r>
      <rPr>
        <sz val="14"/>
        <rFont val="HGP教科書体"/>
        <family val="1"/>
        <charset val="128"/>
      </rPr>
      <t>山が</t>
    </r>
    <r>
      <rPr>
        <b/>
        <u/>
        <sz val="14"/>
        <rFont val="HGP教科書体"/>
        <family val="1"/>
        <charset val="128"/>
      </rPr>
      <t>ツラ</t>
    </r>
    <r>
      <rPr>
        <sz val="14"/>
        <rFont val="HGP教科書体"/>
        <family val="1"/>
        <charset val="128"/>
      </rPr>
      <t>なる。</t>
    </r>
    <rPh sb="0" eb="1">
      <t>ヤマ</t>
    </rPh>
    <phoneticPr fontId="1"/>
  </si>
  <si>
    <r>
      <t>皿が</t>
    </r>
    <r>
      <rPr>
        <b/>
        <u/>
        <sz val="14"/>
        <rFont val="HGP教科書体"/>
        <family val="1"/>
        <charset val="128"/>
      </rPr>
      <t>カ</t>
    </r>
    <r>
      <rPr>
        <sz val="14"/>
        <rFont val="HGP教科書体"/>
        <family val="1"/>
        <charset val="128"/>
      </rPr>
      <t>ける。</t>
    </r>
    <rPh sb="0" eb="1">
      <t>サラ</t>
    </rPh>
    <phoneticPr fontId="1"/>
  </si>
  <si>
    <r>
      <rPr>
        <sz val="14"/>
        <rFont val="HGP教科書体"/>
        <family val="1"/>
        <charset val="128"/>
      </rPr>
      <t>はん画を</t>
    </r>
    <r>
      <rPr>
        <b/>
        <u/>
        <sz val="14"/>
        <rFont val="HGP教科書体"/>
        <family val="1"/>
        <charset val="128"/>
      </rPr>
      <t>ス</t>
    </r>
    <r>
      <rPr>
        <sz val="14"/>
        <rFont val="HGP教科書体"/>
        <family val="1"/>
        <charset val="128"/>
      </rPr>
      <t>る。</t>
    </r>
    <rPh sb="2" eb="3">
      <t>ガ</t>
    </rPh>
    <phoneticPr fontId="1"/>
  </si>
  <si>
    <r>
      <rPr>
        <sz val="14"/>
        <rFont val="HGP教科書体"/>
        <family val="1"/>
        <charset val="128"/>
      </rPr>
      <t>世界の</t>
    </r>
    <r>
      <rPr>
        <b/>
        <u/>
        <sz val="14"/>
        <rFont val="HGP教科書体"/>
        <family val="1"/>
        <charset val="128"/>
      </rPr>
      <t>ハ</t>
    </r>
    <r>
      <rPr>
        <sz val="14"/>
        <rFont val="HGP教科書体"/>
        <family val="1"/>
        <charset val="128"/>
      </rPr>
      <t>てまで行く。</t>
    </r>
    <rPh sb="0" eb="2">
      <t>セカイ</t>
    </rPh>
    <rPh sb="7" eb="8">
      <t>イ</t>
    </rPh>
    <phoneticPr fontId="1"/>
  </si>
  <si>
    <r>
      <t>むだな部分を</t>
    </r>
    <r>
      <rPr>
        <b/>
        <u/>
        <sz val="14"/>
        <rFont val="HGP教科書体"/>
        <family val="1"/>
        <charset val="128"/>
      </rPr>
      <t>ハブ</t>
    </r>
    <r>
      <rPr>
        <sz val="14"/>
        <rFont val="HGP教科書体"/>
        <family val="1"/>
        <charset val="128"/>
      </rPr>
      <t>く。</t>
    </r>
    <rPh sb="3" eb="5">
      <t>ブブン</t>
    </rPh>
    <phoneticPr fontId="1"/>
  </si>
  <si>
    <r>
      <rPr>
        <sz val="14"/>
        <rFont val="HGP教科書体"/>
        <family val="1"/>
        <charset val="128"/>
      </rPr>
      <t>写真</t>
    </r>
    <r>
      <rPr>
        <b/>
        <u/>
        <sz val="14"/>
        <rFont val="HGP教科書体"/>
        <family val="1"/>
        <charset val="128"/>
      </rPr>
      <t>愛好家</t>
    </r>
    <r>
      <rPr>
        <sz val="14"/>
        <rFont val="HGP教科書体"/>
        <family val="1"/>
        <charset val="128"/>
      </rPr>
      <t>が集まる。</t>
    </r>
    <rPh sb="2" eb="5">
      <t>アイコウカ</t>
    </rPh>
    <rPh sb="6" eb="7">
      <t>アツ</t>
    </rPh>
    <phoneticPr fontId="1"/>
  </si>
  <si>
    <r>
      <t>ちがうやり方を</t>
    </r>
    <r>
      <rPr>
        <b/>
        <u/>
        <sz val="14"/>
        <rFont val="HGP教科書体"/>
        <family val="1"/>
        <charset val="128"/>
      </rPr>
      <t>ココロ</t>
    </r>
    <r>
      <rPr>
        <sz val="14"/>
        <rFont val="HGP教科書体"/>
        <family val="1"/>
        <charset val="128"/>
      </rPr>
      <t>みる。</t>
    </r>
    <rPh sb="5" eb="6">
      <t>カタ</t>
    </rPh>
    <phoneticPr fontId="1"/>
  </si>
  <si>
    <r>
      <rPr>
        <b/>
        <u/>
        <sz val="14"/>
        <rFont val="HGP教科書体"/>
        <family val="1"/>
        <charset val="128"/>
      </rPr>
      <t>博物館</t>
    </r>
    <r>
      <rPr>
        <sz val="14"/>
        <rFont val="HGP教科書体"/>
        <family val="1"/>
        <charset val="128"/>
      </rPr>
      <t>に行く。</t>
    </r>
    <rPh sb="0" eb="3">
      <t>ハクブツカン</t>
    </rPh>
    <rPh sb="4" eb="5">
      <t>イ</t>
    </rPh>
    <phoneticPr fontId="1"/>
  </si>
  <si>
    <r>
      <t>たんすを床に</t>
    </r>
    <r>
      <rPr>
        <b/>
        <u/>
        <sz val="14"/>
        <rFont val="HGP教科書体"/>
        <family val="1"/>
        <charset val="128"/>
      </rPr>
      <t>コテイ</t>
    </r>
    <r>
      <rPr>
        <sz val="14"/>
        <rFont val="HGP教科書体"/>
        <family val="1"/>
        <charset val="128"/>
      </rPr>
      <t>する。</t>
    </r>
    <rPh sb="4" eb="5">
      <t>ユカ</t>
    </rPh>
    <phoneticPr fontId="1"/>
  </si>
  <si>
    <r>
      <rPr>
        <b/>
        <u/>
        <sz val="14"/>
        <rFont val="HGP教科書体"/>
        <family val="1"/>
        <charset val="128"/>
      </rPr>
      <t>トウヒョウ</t>
    </r>
    <r>
      <rPr>
        <sz val="14"/>
        <rFont val="HGP教科書体"/>
        <family val="1"/>
        <charset val="128"/>
      </rPr>
      <t>で委員を決める。</t>
    </r>
    <rPh sb="6" eb="8">
      <t>イイン</t>
    </rPh>
    <rPh sb="9" eb="10">
      <t>キ</t>
    </rPh>
    <phoneticPr fontId="1"/>
  </si>
  <si>
    <r>
      <rPr>
        <b/>
        <u/>
        <sz val="14"/>
        <rFont val="HGP教科書体"/>
        <family val="1"/>
        <charset val="128"/>
      </rPr>
      <t>ロウジン</t>
    </r>
    <r>
      <rPr>
        <sz val="14"/>
        <rFont val="HGP教科書体"/>
        <family val="1"/>
        <charset val="128"/>
      </rPr>
      <t>ホームを訪問する。</t>
    </r>
    <rPh sb="8" eb="10">
      <t>ホウモン</t>
    </rPh>
    <phoneticPr fontId="1"/>
  </si>
  <si>
    <r>
      <t>色々な</t>
    </r>
    <r>
      <rPr>
        <b/>
        <u/>
        <sz val="14"/>
        <rFont val="HGP教科書体"/>
        <family val="1"/>
        <charset val="128"/>
      </rPr>
      <t>国旗</t>
    </r>
    <r>
      <rPr>
        <sz val="14"/>
        <rFont val="HGP教科書体"/>
        <family val="1"/>
        <charset val="128"/>
      </rPr>
      <t>をかざる。</t>
    </r>
    <rPh sb="0" eb="2">
      <t>イロイロ</t>
    </rPh>
    <rPh sb="3" eb="5">
      <t>コッキ</t>
    </rPh>
    <phoneticPr fontId="1"/>
  </si>
  <si>
    <r>
      <t>身を</t>
    </r>
    <r>
      <rPr>
        <b/>
        <u/>
        <sz val="14"/>
        <rFont val="HGP教科書体"/>
        <family val="1"/>
        <charset val="128"/>
      </rPr>
      <t>清</t>
    </r>
    <r>
      <rPr>
        <sz val="14"/>
        <rFont val="HGP教科書体"/>
        <family val="1"/>
        <charset val="128"/>
      </rPr>
      <t>める。</t>
    </r>
    <rPh sb="0" eb="1">
      <t>ミ</t>
    </rPh>
    <rPh sb="2" eb="3">
      <t>キヨ</t>
    </rPh>
    <phoneticPr fontId="1"/>
  </si>
  <si>
    <r>
      <t>草花の種子が</t>
    </r>
    <r>
      <rPr>
        <b/>
        <u/>
        <sz val="14"/>
        <rFont val="HGP教科書体"/>
        <family val="1"/>
        <charset val="128"/>
      </rPr>
      <t>ハツガ</t>
    </r>
    <r>
      <rPr>
        <sz val="14"/>
        <rFont val="HGP教科書体"/>
        <family val="1"/>
        <charset val="128"/>
      </rPr>
      <t>する。</t>
    </r>
    <rPh sb="0" eb="2">
      <t>くさばな</t>
    </rPh>
    <rPh sb="3" eb="5">
      <t>しゅし</t>
    </rPh>
    <phoneticPr fontId="3" type="Hiragana"/>
  </si>
  <si>
    <r>
      <t>会社を</t>
    </r>
    <r>
      <rPr>
        <b/>
        <u/>
        <sz val="14"/>
        <rFont val="HGP教科書体"/>
        <family val="1"/>
        <charset val="128"/>
      </rPr>
      <t>キョウドウ</t>
    </r>
    <r>
      <rPr>
        <sz val="14"/>
        <rFont val="HGP教科書体"/>
        <family val="1"/>
        <charset val="128"/>
      </rPr>
      <t>でつくる。</t>
    </r>
    <rPh sb="0" eb="2">
      <t>かいしゃ</t>
    </rPh>
    <phoneticPr fontId="3" type="Hiragana"/>
  </si>
  <si>
    <r>
      <t>生物の研究に</t>
    </r>
    <r>
      <rPr>
        <b/>
        <u/>
        <sz val="14"/>
        <rFont val="HGP教科書体"/>
        <family val="1"/>
        <charset val="128"/>
      </rPr>
      <t>ツト</t>
    </r>
    <r>
      <rPr>
        <sz val="14"/>
        <rFont val="HGP教科書体"/>
        <family val="1"/>
        <charset val="128"/>
      </rPr>
      <t>める。</t>
    </r>
    <rPh sb="0" eb="2">
      <t>せいぶつ</t>
    </rPh>
    <rPh sb="3" eb="5">
      <t>けんきゅう</t>
    </rPh>
    <phoneticPr fontId="3" type="Hiragana"/>
  </si>
  <si>
    <r>
      <t>サッカー大会に</t>
    </r>
    <r>
      <rPr>
        <b/>
        <u/>
        <sz val="14"/>
        <rFont val="HGP教科書体"/>
        <family val="1"/>
        <charset val="128"/>
      </rPr>
      <t>サンカ</t>
    </r>
    <r>
      <rPr>
        <sz val="14"/>
        <rFont val="HGP教科書体"/>
        <family val="1"/>
        <charset val="128"/>
      </rPr>
      <t>する。</t>
    </r>
    <rPh sb="4" eb="6">
      <t>たいかい</t>
    </rPh>
    <phoneticPr fontId="3" type="Hiragana"/>
  </si>
  <si>
    <r>
      <rPr>
        <b/>
        <u/>
        <sz val="14"/>
        <rFont val="HGP教科書体"/>
        <family val="1"/>
        <charset val="128"/>
      </rPr>
      <t>サクネン</t>
    </r>
    <r>
      <rPr>
        <sz val="14"/>
        <rFont val="HGP教科書体"/>
        <family val="1"/>
        <charset val="128"/>
      </rPr>
      <t>のことを思い出す。</t>
    </r>
    <rPh sb="8" eb="9">
      <t>オモ</t>
    </rPh>
    <rPh sb="10" eb="11">
      <t>ダ</t>
    </rPh>
    <phoneticPr fontId="2"/>
  </si>
  <si>
    <r>
      <t>外国に</t>
    </r>
    <r>
      <rPr>
        <b/>
        <u/>
        <sz val="14"/>
        <rFont val="HGP教科書体"/>
        <family val="1"/>
        <charset val="128"/>
      </rPr>
      <t>カンシン</t>
    </r>
    <r>
      <rPr>
        <sz val="14"/>
        <rFont val="HGP教科書体"/>
        <family val="1"/>
        <charset val="128"/>
      </rPr>
      <t>を持つ。</t>
    </r>
    <rPh sb="0" eb="2">
      <t>がいこく</t>
    </rPh>
    <rPh sb="8" eb="9">
      <t>も</t>
    </rPh>
    <phoneticPr fontId="3" type="Hiragana"/>
  </si>
  <si>
    <r>
      <t>父と</t>
    </r>
    <r>
      <rPr>
        <b/>
        <u/>
        <sz val="14"/>
        <rFont val="HGP教科書体"/>
        <family val="1"/>
        <charset val="128"/>
      </rPr>
      <t>ヤクソク</t>
    </r>
    <r>
      <rPr>
        <sz val="14"/>
        <rFont val="HGP教科書体"/>
        <family val="1"/>
        <charset val="128"/>
      </rPr>
      <t>した。</t>
    </r>
    <rPh sb="0" eb="1">
      <t>ちち</t>
    </rPh>
    <phoneticPr fontId="3" type="Hiragana"/>
  </si>
  <si>
    <r>
      <t>水が</t>
    </r>
    <r>
      <rPr>
        <b/>
        <u/>
        <sz val="14"/>
        <rFont val="HGP教科書体"/>
        <family val="1"/>
        <charset val="128"/>
      </rPr>
      <t>ヒツヨウ</t>
    </r>
    <r>
      <rPr>
        <sz val="14"/>
        <rFont val="HGP教科書体"/>
        <family val="1"/>
        <charset val="128"/>
      </rPr>
      <t>だ。</t>
    </r>
    <rPh sb="0" eb="1">
      <t>みず</t>
    </rPh>
    <phoneticPr fontId="3" type="Hiragana"/>
  </si>
  <si>
    <r>
      <t>近所の</t>
    </r>
    <r>
      <rPr>
        <b/>
        <u/>
        <sz val="14"/>
        <rFont val="HGP教科書体"/>
        <family val="1"/>
        <charset val="128"/>
      </rPr>
      <t>ザイモクヤ</t>
    </r>
    <r>
      <rPr>
        <sz val="14"/>
        <rFont val="HGP教科書体"/>
        <family val="1"/>
        <charset val="128"/>
      </rPr>
      <t>へ行く。</t>
    </r>
    <rPh sb="0" eb="2">
      <t>きんじょ</t>
    </rPh>
    <rPh sb="9" eb="10">
      <t>い</t>
    </rPh>
    <phoneticPr fontId="3" type="Hiragana"/>
  </si>
  <si>
    <r>
      <t>テストの</t>
    </r>
    <r>
      <rPr>
        <b/>
        <u/>
        <sz val="14"/>
        <rFont val="HGP教科書体"/>
        <family val="1"/>
        <charset val="128"/>
      </rPr>
      <t>ケッカ</t>
    </r>
    <r>
      <rPr>
        <sz val="14"/>
        <rFont val="HGP教科書体"/>
        <family val="1"/>
        <charset val="128"/>
      </rPr>
      <t>を聞く。</t>
    </r>
    <rPh sb="8" eb="9">
      <t>き</t>
    </rPh>
    <phoneticPr fontId="3" type="Hiragana"/>
  </si>
  <si>
    <r>
      <t>二月三日は</t>
    </r>
    <r>
      <rPr>
        <b/>
        <u/>
        <sz val="14"/>
        <rFont val="HGP教科書体"/>
        <family val="1"/>
        <charset val="128"/>
      </rPr>
      <t>セツブン</t>
    </r>
    <r>
      <rPr>
        <sz val="14"/>
        <rFont val="HGP教科書体"/>
        <family val="1"/>
        <charset val="128"/>
      </rPr>
      <t>の日。</t>
    </r>
    <rPh sb="0" eb="1">
      <t>2</t>
    </rPh>
    <rPh sb="1" eb="2">
      <t>がつ</t>
    </rPh>
    <rPh sb="2" eb="4">
      <t>みっか</t>
    </rPh>
    <rPh sb="10" eb="11">
      <t>ひ</t>
    </rPh>
    <phoneticPr fontId="3" type="Hiragana"/>
  </si>
  <si>
    <r>
      <t>春夏秋冬を</t>
    </r>
    <r>
      <rPr>
        <b/>
        <u/>
        <sz val="14"/>
        <rFont val="HGP教科書体"/>
        <family val="1"/>
        <charset val="128"/>
      </rPr>
      <t>シキ</t>
    </r>
    <r>
      <rPr>
        <sz val="14"/>
        <rFont val="HGP教科書体"/>
        <family val="1"/>
        <charset val="128"/>
      </rPr>
      <t>という。</t>
    </r>
    <rPh sb="0" eb="4">
      <t>しゅんかしゅうとう</t>
    </rPh>
    <phoneticPr fontId="3" type="Hiragana"/>
  </si>
  <si>
    <r>
      <t>かき</t>
    </r>
    <r>
      <rPr>
        <b/>
        <u/>
        <sz val="14"/>
        <rFont val="HGP教科書体"/>
        <family val="1"/>
        <charset val="128"/>
      </rPr>
      <t>イガイ</t>
    </r>
    <r>
      <rPr>
        <sz val="14"/>
        <rFont val="HGP教科書体"/>
        <family val="1"/>
        <charset val="128"/>
      </rPr>
      <t>は、何でも食べる。</t>
    </r>
    <rPh sb="7" eb="8">
      <t>なん</t>
    </rPh>
    <rPh sb="10" eb="11">
      <t>た</t>
    </rPh>
    <phoneticPr fontId="3" type="Hiragana"/>
  </si>
  <si>
    <r>
      <rPr>
        <b/>
        <u/>
        <sz val="14"/>
        <rFont val="HGP教科書体"/>
        <family val="1"/>
        <charset val="128"/>
      </rPr>
      <t>モット</t>
    </r>
    <r>
      <rPr>
        <sz val="14"/>
        <rFont val="HGP教科書体"/>
        <family val="1"/>
        <charset val="128"/>
      </rPr>
      <t>も足が速い。</t>
    </r>
    <rPh sb="4" eb="5">
      <t>あし</t>
    </rPh>
    <rPh sb="6" eb="7">
      <t>はや</t>
    </rPh>
    <phoneticPr fontId="3" type="Hiragana"/>
  </si>
  <si>
    <r>
      <rPr>
        <b/>
        <u/>
        <sz val="14"/>
        <rFont val="HGP教科書体"/>
        <family val="1"/>
        <charset val="128"/>
      </rPr>
      <t>ショウチクバイ</t>
    </r>
    <r>
      <rPr>
        <sz val="14"/>
        <rFont val="HGP教科書体"/>
        <family val="1"/>
        <charset val="128"/>
      </rPr>
      <t>。</t>
    </r>
    <phoneticPr fontId="3" type="Hiragana"/>
  </si>
  <si>
    <r>
      <t>ろう下は</t>
    </r>
    <r>
      <rPr>
        <b/>
        <u/>
        <sz val="14"/>
        <rFont val="HGP教科書体"/>
        <family val="1"/>
        <charset val="128"/>
      </rPr>
      <t>シズ</t>
    </r>
    <r>
      <rPr>
        <sz val="14"/>
        <rFont val="HGP教科書体"/>
        <family val="1"/>
        <charset val="128"/>
      </rPr>
      <t>かに歩く。</t>
    </r>
    <rPh sb="2" eb="3">
      <t>した</t>
    </rPh>
    <rPh sb="8" eb="9">
      <t>ある</t>
    </rPh>
    <phoneticPr fontId="3" type="Hiragana"/>
  </si>
  <si>
    <r>
      <rPr>
        <b/>
        <u/>
        <sz val="14"/>
        <rFont val="HGP教科書体"/>
        <family val="1"/>
        <charset val="128"/>
      </rPr>
      <t>エンゲイ</t>
    </r>
    <r>
      <rPr>
        <sz val="14"/>
        <rFont val="HGP教科書体"/>
        <family val="1"/>
        <charset val="128"/>
      </rPr>
      <t>にきょう味を持つ。</t>
    </r>
    <rPh sb="8" eb="9">
      <t>あじ</t>
    </rPh>
    <rPh sb="10" eb="11">
      <t>も</t>
    </rPh>
    <phoneticPr fontId="3" type="Hiragana"/>
  </si>
  <si>
    <r>
      <t>げきの</t>
    </r>
    <r>
      <rPr>
        <b/>
        <u/>
        <sz val="14"/>
        <rFont val="HGP教科書体"/>
        <family val="1"/>
        <charset val="128"/>
      </rPr>
      <t>ショウメイ</t>
    </r>
    <r>
      <rPr>
        <sz val="14"/>
        <rFont val="HGP教科書体"/>
        <family val="1"/>
        <charset val="128"/>
      </rPr>
      <t>を担当する。</t>
    </r>
    <rPh sb="9" eb="11">
      <t>たんとう</t>
    </rPh>
    <phoneticPr fontId="3" type="Hiragana"/>
  </si>
  <si>
    <r>
      <t>エジソンの</t>
    </r>
    <r>
      <rPr>
        <b/>
        <u/>
        <sz val="14"/>
        <rFont val="HGP教科書体"/>
        <family val="1"/>
        <charset val="128"/>
      </rPr>
      <t>デンキ</t>
    </r>
    <r>
      <rPr>
        <sz val="14"/>
        <rFont val="HGP教科書体"/>
        <family val="1"/>
        <charset val="128"/>
      </rPr>
      <t>を読む。</t>
    </r>
    <rPh sb="9" eb="10">
      <t>よ</t>
    </rPh>
    <phoneticPr fontId="3" type="Hiragana"/>
  </si>
  <si>
    <r>
      <t>工場の</t>
    </r>
    <r>
      <rPr>
        <b/>
        <u/>
        <sz val="14"/>
        <rFont val="HGP教科書体"/>
        <family val="1"/>
        <charset val="128"/>
      </rPr>
      <t>セツメイ</t>
    </r>
    <r>
      <rPr>
        <sz val="14"/>
        <rFont val="HGP教科書体"/>
        <family val="1"/>
        <charset val="128"/>
      </rPr>
      <t>をする。</t>
    </r>
    <rPh sb="0" eb="2">
      <t>こうじょう</t>
    </rPh>
    <phoneticPr fontId="3" type="Hiragana"/>
  </si>
  <si>
    <r>
      <rPr>
        <b/>
        <u/>
        <sz val="14"/>
        <rFont val="HGP教科書体"/>
        <family val="1"/>
        <charset val="128"/>
      </rPr>
      <t>マト</t>
    </r>
    <r>
      <rPr>
        <sz val="14"/>
        <rFont val="HGP教科書体"/>
        <family val="1"/>
        <charset val="128"/>
      </rPr>
      <t>当てゲームをする。</t>
    </r>
    <rPh sb="2" eb="3">
      <t>ア</t>
    </rPh>
    <phoneticPr fontId="2"/>
  </si>
  <si>
    <r>
      <rPr>
        <b/>
        <u/>
        <sz val="14"/>
        <rFont val="HGP教科書体"/>
        <family val="1"/>
        <charset val="128"/>
      </rPr>
      <t>的</t>
    </r>
    <r>
      <rPr>
        <sz val="14"/>
        <rFont val="HGP教科書体"/>
        <family val="1"/>
        <charset val="128"/>
      </rPr>
      <t>当てゲームをする。</t>
    </r>
    <rPh sb="0" eb="1">
      <t>マト</t>
    </rPh>
    <rPh sb="1" eb="2">
      <t>ア</t>
    </rPh>
    <phoneticPr fontId="2"/>
  </si>
  <si>
    <r>
      <t>そんなに</t>
    </r>
    <r>
      <rPr>
        <b/>
        <u/>
        <sz val="14"/>
        <rFont val="HGP教科書体"/>
        <family val="1"/>
        <charset val="128"/>
      </rPr>
      <t>フアン</t>
    </r>
    <r>
      <rPr>
        <sz val="14"/>
        <rFont val="HGP教科書体"/>
        <family val="1"/>
        <charset val="128"/>
      </rPr>
      <t>な顔をするな。</t>
    </r>
    <rPh sb="8" eb="9">
      <t>カオ</t>
    </rPh>
    <phoneticPr fontId="1"/>
  </si>
  <si>
    <r>
      <t>王様が国を</t>
    </r>
    <r>
      <rPr>
        <b/>
        <u/>
        <sz val="14"/>
        <rFont val="HGP教科書体"/>
        <family val="1"/>
        <charset val="128"/>
      </rPr>
      <t>オサ</t>
    </r>
    <r>
      <rPr>
        <sz val="14"/>
        <rFont val="HGP教科書体"/>
        <family val="1"/>
        <charset val="128"/>
      </rPr>
      <t>める。</t>
    </r>
    <rPh sb="0" eb="2">
      <t>オウサマ</t>
    </rPh>
    <rPh sb="3" eb="4">
      <t>クニ</t>
    </rPh>
    <phoneticPr fontId="1"/>
  </si>
  <si>
    <r>
      <t>けいたい電話は</t>
    </r>
    <r>
      <rPr>
        <b/>
        <u/>
        <sz val="14"/>
        <rFont val="HGP教科書体"/>
        <family val="1"/>
        <charset val="128"/>
      </rPr>
      <t>ベンリ</t>
    </r>
    <r>
      <rPr>
        <sz val="14"/>
        <rFont val="HGP教科書体"/>
        <family val="1"/>
        <charset val="128"/>
      </rPr>
      <t>だ。</t>
    </r>
    <rPh sb="4" eb="6">
      <t>でんわ</t>
    </rPh>
    <phoneticPr fontId="3" type="Hiragana"/>
  </si>
  <si>
    <r>
      <t>いなかで</t>
    </r>
    <r>
      <rPr>
        <b/>
        <u/>
        <sz val="14"/>
        <rFont val="HGP教科書体"/>
        <family val="1"/>
        <charset val="128"/>
      </rPr>
      <t>ノウフ</t>
    </r>
    <r>
      <rPr>
        <sz val="14"/>
        <rFont val="HGP教科書体"/>
        <family val="1"/>
        <charset val="128"/>
      </rPr>
      <t>として働く。</t>
    </r>
    <rPh sb="10" eb="11">
      <t>ハタラ</t>
    </rPh>
    <phoneticPr fontId="1"/>
  </si>
  <si>
    <r>
      <t>そんなに</t>
    </r>
    <r>
      <rPr>
        <b/>
        <u/>
        <sz val="14"/>
        <rFont val="HGP教科書体"/>
        <family val="1"/>
        <charset val="128"/>
      </rPr>
      <t>不安</t>
    </r>
    <r>
      <rPr>
        <sz val="14"/>
        <rFont val="HGP教科書体"/>
        <family val="1"/>
        <charset val="128"/>
      </rPr>
      <t>な顔をするな。</t>
    </r>
    <rPh sb="4" eb="6">
      <t>フアン</t>
    </rPh>
    <rPh sb="7" eb="8">
      <t>カオ</t>
    </rPh>
    <phoneticPr fontId="1"/>
  </si>
  <si>
    <r>
      <rPr>
        <b/>
        <u/>
        <sz val="14"/>
        <rFont val="HGP教科書体"/>
        <family val="1"/>
        <charset val="128"/>
      </rPr>
      <t>一億円</t>
    </r>
    <r>
      <rPr>
        <sz val="14"/>
        <rFont val="HGP教科書体"/>
        <family val="1"/>
        <charset val="128"/>
      </rPr>
      <t>をきふする。</t>
    </r>
    <rPh sb="0" eb="2">
      <t>イチオク</t>
    </rPh>
    <rPh sb="2" eb="3">
      <t>エン</t>
    </rPh>
    <phoneticPr fontId="1"/>
  </si>
  <si>
    <r>
      <t>けいたい電話は</t>
    </r>
    <r>
      <rPr>
        <b/>
        <u/>
        <sz val="14"/>
        <rFont val="HGP教科書体"/>
        <family val="1"/>
        <charset val="128"/>
      </rPr>
      <t>便利</t>
    </r>
    <r>
      <rPr>
        <sz val="14"/>
        <rFont val="HGP教科書体"/>
        <family val="1"/>
        <charset val="128"/>
      </rPr>
      <t>だ。</t>
    </r>
    <rPh sb="4" eb="6">
      <t>でんわ</t>
    </rPh>
    <rPh sb="7" eb="9">
      <t>べんり</t>
    </rPh>
    <phoneticPr fontId="3" type="Hiragana"/>
  </si>
  <si>
    <r>
      <t>ちょうの</t>
    </r>
    <r>
      <rPr>
        <b/>
        <u/>
        <sz val="14"/>
        <rFont val="HGP教科書体"/>
        <family val="1"/>
        <charset val="128"/>
      </rPr>
      <t>標本</t>
    </r>
    <r>
      <rPr>
        <sz val="14"/>
        <rFont val="HGP教科書体"/>
        <family val="1"/>
        <charset val="128"/>
      </rPr>
      <t>。</t>
    </r>
    <rPh sb="4" eb="6">
      <t>ひょうほん</t>
    </rPh>
    <phoneticPr fontId="3" type="Hiragana"/>
  </si>
  <si>
    <r>
      <rPr>
        <b/>
        <u/>
        <sz val="14"/>
        <rFont val="HGP教科書体"/>
        <family val="1"/>
        <charset val="128"/>
      </rPr>
      <t>ナカマ</t>
    </r>
    <r>
      <rPr>
        <sz val="14"/>
        <rFont val="HGP教科書体"/>
        <family val="1"/>
        <charset val="128"/>
      </rPr>
      <t>と共にがんばる。</t>
    </r>
    <rPh sb="4" eb="5">
      <t>トモ</t>
    </rPh>
    <phoneticPr fontId="1"/>
  </si>
  <si>
    <r>
      <t>手を</t>
    </r>
    <r>
      <rPr>
        <b/>
        <u/>
        <sz val="14"/>
        <rFont val="HGP教科書体"/>
        <family val="1"/>
        <charset val="128"/>
      </rPr>
      <t>ア</t>
    </r>
    <r>
      <rPr>
        <sz val="14"/>
        <rFont val="HGP教科書体"/>
        <family val="1"/>
        <charset val="128"/>
      </rPr>
      <t>げて発表する。</t>
    </r>
    <rPh sb="0" eb="1">
      <t>テ</t>
    </rPh>
    <rPh sb="5" eb="7">
      <t>ハッピョウ</t>
    </rPh>
    <phoneticPr fontId="1"/>
  </si>
  <si>
    <r>
      <rPr>
        <b/>
        <u/>
        <sz val="14"/>
        <rFont val="HGP教科書体"/>
        <family val="1"/>
        <charset val="128"/>
      </rPr>
      <t>キボウ</t>
    </r>
    <r>
      <rPr>
        <sz val="14"/>
        <rFont val="HGP教科書体"/>
        <family val="1"/>
        <charset val="128"/>
      </rPr>
      <t>をいだく。</t>
    </r>
    <phoneticPr fontId="1"/>
  </si>
  <si>
    <r>
      <rPr>
        <b/>
        <u/>
        <sz val="14"/>
        <rFont val="HGP教科書体"/>
        <family val="1"/>
        <charset val="128"/>
      </rPr>
      <t>ショウテンガイ</t>
    </r>
    <r>
      <rPr>
        <sz val="14"/>
        <rFont val="HGP教科書体"/>
        <family val="1"/>
        <charset val="128"/>
      </rPr>
      <t>ヘ行く。</t>
    </r>
    <rPh sb="8" eb="9">
      <t>イ</t>
    </rPh>
    <phoneticPr fontId="1"/>
  </si>
  <si>
    <r>
      <rPr>
        <b/>
        <u/>
        <sz val="14"/>
        <rFont val="HGP教科書体"/>
        <family val="1"/>
        <charset val="128"/>
      </rPr>
      <t>エイヨウ</t>
    </r>
    <r>
      <rPr>
        <sz val="14"/>
        <rFont val="HGP教科書体"/>
        <family val="1"/>
        <charset val="128"/>
      </rPr>
      <t>のある食べ物。</t>
    </r>
    <rPh sb="7" eb="8">
      <t>タ</t>
    </rPh>
    <rPh sb="9" eb="10">
      <t>モノ</t>
    </rPh>
    <phoneticPr fontId="1"/>
  </si>
  <si>
    <r>
      <t>工場で</t>
    </r>
    <r>
      <rPr>
        <b/>
        <u/>
        <sz val="14"/>
        <rFont val="HGP教科書体"/>
        <family val="1"/>
        <charset val="128"/>
      </rPr>
      <t>ロウドウ</t>
    </r>
    <r>
      <rPr>
        <sz val="14"/>
        <rFont val="HGP教科書体"/>
        <family val="1"/>
        <charset val="128"/>
      </rPr>
      <t>する。</t>
    </r>
    <rPh sb="0" eb="2">
      <t>コウジョウ</t>
    </rPh>
    <phoneticPr fontId="1"/>
  </si>
  <si>
    <r>
      <t>箱の</t>
    </r>
    <r>
      <rPr>
        <b/>
        <u/>
        <sz val="14"/>
        <rFont val="HGP教科書体"/>
        <family val="1"/>
        <charset val="128"/>
      </rPr>
      <t>ソクメン</t>
    </r>
    <r>
      <rPr>
        <sz val="14"/>
        <rFont val="HGP教科書体"/>
        <family val="1"/>
        <charset val="128"/>
      </rPr>
      <t>を調べる。</t>
    </r>
    <rPh sb="0" eb="1">
      <t>ハコ</t>
    </rPh>
    <rPh sb="7" eb="8">
      <t>シラ</t>
    </rPh>
    <phoneticPr fontId="1"/>
  </si>
  <si>
    <r>
      <rPr>
        <b/>
        <u/>
        <sz val="14"/>
        <rFont val="HGP教科書体"/>
        <family val="1"/>
        <charset val="128"/>
      </rPr>
      <t>ドリョク</t>
    </r>
    <r>
      <rPr>
        <sz val="14"/>
        <rFont val="HGP教科書体"/>
        <family val="1"/>
        <charset val="128"/>
      </rPr>
      <t>することが大切。</t>
    </r>
    <rPh sb="9" eb="11">
      <t>タイセツ</t>
    </rPh>
    <phoneticPr fontId="1"/>
  </si>
  <si>
    <r>
      <t>布に</t>
    </r>
    <r>
      <rPr>
        <b/>
        <u/>
        <sz val="14"/>
        <rFont val="HGP教科書体"/>
        <family val="1"/>
        <charset val="128"/>
      </rPr>
      <t>シルシ</t>
    </r>
    <r>
      <rPr>
        <sz val="14"/>
        <rFont val="HGP教科書体"/>
        <family val="1"/>
        <charset val="128"/>
      </rPr>
      <t>をつける。</t>
    </r>
    <rPh sb="0" eb="1">
      <t>ヌノ</t>
    </rPh>
    <phoneticPr fontId="1"/>
  </si>
  <si>
    <r>
      <t>大気おせんは</t>
    </r>
    <r>
      <rPr>
        <b/>
        <u/>
        <sz val="14"/>
        <rFont val="HGP教科書体"/>
        <family val="1"/>
        <charset val="128"/>
      </rPr>
      <t>コウガイ</t>
    </r>
    <r>
      <rPr>
        <sz val="14"/>
        <rFont val="HGP教科書体"/>
        <family val="1"/>
        <charset val="128"/>
      </rPr>
      <t>だ。</t>
    </r>
    <rPh sb="0" eb="2">
      <t>タイキ</t>
    </rPh>
    <phoneticPr fontId="1"/>
  </si>
  <si>
    <r>
      <t>仕事に対する</t>
    </r>
    <r>
      <rPr>
        <b/>
        <u/>
        <sz val="14"/>
        <rFont val="HGP教科書体"/>
        <family val="1"/>
        <charset val="128"/>
      </rPr>
      <t>ネツイ</t>
    </r>
    <r>
      <rPr>
        <sz val="14"/>
        <rFont val="HGP教科書体"/>
        <family val="1"/>
        <charset val="128"/>
      </rPr>
      <t>を買う。</t>
    </r>
    <rPh sb="0" eb="2">
      <t>シゴト</t>
    </rPh>
    <rPh sb="3" eb="4">
      <t>タイ</t>
    </rPh>
    <rPh sb="10" eb="11">
      <t>カ</t>
    </rPh>
    <phoneticPr fontId="1"/>
  </si>
  <si>
    <r>
      <rPr>
        <b/>
        <u/>
        <sz val="14"/>
        <rFont val="HGP教科書体"/>
        <family val="1"/>
        <charset val="128"/>
      </rPr>
      <t>仲間</t>
    </r>
    <r>
      <rPr>
        <sz val="14"/>
        <rFont val="HGP教科書体"/>
        <family val="1"/>
        <charset val="128"/>
      </rPr>
      <t>と共にがんばる。</t>
    </r>
    <rPh sb="0" eb="2">
      <t>ナカマ</t>
    </rPh>
    <rPh sb="3" eb="4">
      <t>トモ</t>
    </rPh>
    <phoneticPr fontId="1"/>
  </si>
  <si>
    <r>
      <t>手を</t>
    </r>
    <r>
      <rPr>
        <b/>
        <u/>
        <sz val="14"/>
        <rFont val="HGP教科書体"/>
        <family val="1"/>
        <charset val="128"/>
      </rPr>
      <t>挙</t>
    </r>
    <r>
      <rPr>
        <sz val="14"/>
        <rFont val="HGP教科書体"/>
        <family val="1"/>
        <charset val="128"/>
      </rPr>
      <t>げて発表する。</t>
    </r>
    <rPh sb="0" eb="1">
      <t>テ</t>
    </rPh>
    <rPh sb="2" eb="3">
      <t>ア</t>
    </rPh>
    <rPh sb="5" eb="7">
      <t>ハッピョウ</t>
    </rPh>
    <phoneticPr fontId="1"/>
  </si>
  <si>
    <r>
      <rPr>
        <b/>
        <u/>
        <sz val="14"/>
        <rFont val="HGP教科書体"/>
        <family val="1"/>
        <charset val="128"/>
      </rPr>
      <t>希望</t>
    </r>
    <r>
      <rPr>
        <sz val="14"/>
        <rFont val="HGP教科書体"/>
        <family val="1"/>
        <charset val="128"/>
      </rPr>
      <t>をいだく。</t>
    </r>
    <rPh sb="0" eb="2">
      <t>キボウ</t>
    </rPh>
    <phoneticPr fontId="1"/>
  </si>
  <si>
    <r>
      <rPr>
        <b/>
        <u/>
        <sz val="14"/>
        <rFont val="HGP教科書体"/>
        <family val="1"/>
        <charset val="128"/>
      </rPr>
      <t>商店街</t>
    </r>
    <r>
      <rPr>
        <sz val="14"/>
        <rFont val="HGP教科書体"/>
        <family val="1"/>
        <charset val="128"/>
      </rPr>
      <t>ヘ行く。</t>
    </r>
    <rPh sb="0" eb="3">
      <t>ショウテンガイ</t>
    </rPh>
    <rPh sb="4" eb="5">
      <t>イ</t>
    </rPh>
    <phoneticPr fontId="1"/>
  </si>
  <si>
    <r>
      <rPr>
        <b/>
        <u/>
        <sz val="14"/>
        <rFont val="HGP教科書体"/>
        <family val="1"/>
        <charset val="128"/>
      </rPr>
      <t>栄養</t>
    </r>
    <r>
      <rPr>
        <sz val="14"/>
        <rFont val="HGP教科書体"/>
        <family val="1"/>
        <charset val="128"/>
      </rPr>
      <t>のある食べ物。</t>
    </r>
    <rPh sb="0" eb="2">
      <t>エイヨウ</t>
    </rPh>
    <rPh sb="5" eb="6">
      <t>タ</t>
    </rPh>
    <rPh sb="7" eb="8">
      <t>モノ</t>
    </rPh>
    <phoneticPr fontId="1"/>
  </si>
  <si>
    <r>
      <t>工場で</t>
    </r>
    <r>
      <rPr>
        <b/>
        <u/>
        <sz val="14"/>
        <rFont val="HGP教科書体"/>
        <family val="1"/>
        <charset val="128"/>
      </rPr>
      <t>労働</t>
    </r>
    <r>
      <rPr>
        <sz val="14"/>
        <rFont val="HGP教科書体"/>
        <family val="1"/>
        <charset val="128"/>
      </rPr>
      <t>する。</t>
    </r>
    <rPh sb="0" eb="2">
      <t>コウジョウ</t>
    </rPh>
    <rPh sb="3" eb="5">
      <t>ロウドウ</t>
    </rPh>
    <phoneticPr fontId="1"/>
  </si>
  <si>
    <r>
      <t>ゼリーが</t>
    </r>
    <r>
      <rPr>
        <b/>
        <u/>
        <sz val="14"/>
        <rFont val="HGP教科書体"/>
        <family val="1"/>
        <charset val="128"/>
      </rPr>
      <t>固</t>
    </r>
    <r>
      <rPr>
        <sz val="14"/>
        <rFont val="HGP教科書体"/>
        <family val="1"/>
        <charset val="128"/>
      </rPr>
      <t>まる。</t>
    </r>
    <rPh sb="4" eb="5">
      <t>カタ</t>
    </rPh>
    <phoneticPr fontId="1"/>
  </si>
  <si>
    <r>
      <t>箱の</t>
    </r>
    <r>
      <rPr>
        <b/>
        <u/>
        <sz val="14"/>
        <rFont val="HGP教科書体"/>
        <family val="1"/>
        <charset val="128"/>
      </rPr>
      <t>側面</t>
    </r>
    <r>
      <rPr>
        <sz val="14"/>
        <rFont val="HGP教科書体"/>
        <family val="1"/>
        <charset val="128"/>
      </rPr>
      <t>を調べる。</t>
    </r>
    <rPh sb="0" eb="1">
      <t>ハコ</t>
    </rPh>
    <rPh sb="2" eb="4">
      <t>ソクメン</t>
    </rPh>
    <rPh sb="5" eb="6">
      <t>シラ</t>
    </rPh>
    <phoneticPr fontId="1"/>
  </si>
  <si>
    <r>
      <rPr>
        <b/>
        <u/>
        <sz val="14"/>
        <rFont val="HGP教科書体"/>
        <family val="1"/>
        <charset val="128"/>
      </rPr>
      <t>努力</t>
    </r>
    <r>
      <rPr>
        <sz val="14"/>
        <rFont val="HGP教科書体"/>
        <family val="1"/>
        <charset val="128"/>
      </rPr>
      <t>することが大切。</t>
    </r>
    <rPh sb="0" eb="2">
      <t>ドリョク</t>
    </rPh>
    <rPh sb="7" eb="9">
      <t>タイセツ</t>
    </rPh>
    <phoneticPr fontId="1"/>
  </si>
  <si>
    <r>
      <t>布に</t>
    </r>
    <r>
      <rPr>
        <b/>
        <u/>
        <sz val="14"/>
        <rFont val="HGP教科書体"/>
        <family val="1"/>
        <charset val="128"/>
      </rPr>
      <t>印</t>
    </r>
    <r>
      <rPr>
        <sz val="14"/>
        <rFont val="HGP教科書体"/>
        <family val="1"/>
        <charset val="128"/>
      </rPr>
      <t>をつける。</t>
    </r>
    <rPh sb="0" eb="1">
      <t>ヌノ</t>
    </rPh>
    <rPh sb="2" eb="3">
      <t>シルシ</t>
    </rPh>
    <phoneticPr fontId="1"/>
  </si>
  <si>
    <r>
      <t>大気おせんは</t>
    </r>
    <r>
      <rPr>
        <b/>
        <u/>
        <sz val="14"/>
        <rFont val="HGP教科書体"/>
        <family val="1"/>
        <charset val="128"/>
      </rPr>
      <t>公害</t>
    </r>
    <r>
      <rPr>
        <sz val="14"/>
        <rFont val="HGP教科書体"/>
        <family val="1"/>
        <charset val="128"/>
      </rPr>
      <t>だ。</t>
    </r>
    <rPh sb="0" eb="2">
      <t>タイキ</t>
    </rPh>
    <rPh sb="6" eb="8">
      <t>コウガイ</t>
    </rPh>
    <phoneticPr fontId="1"/>
  </si>
  <si>
    <r>
      <t>仕事に対する</t>
    </r>
    <r>
      <rPr>
        <b/>
        <u/>
        <sz val="14"/>
        <rFont val="HGP教科書体"/>
        <family val="1"/>
        <charset val="128"/>
      </rPr>
      <t>熱意</t>
    </r>
    <r>
      <rPr>
        <sz val="14"/>
        <rFont val="HGP教科書体"/>
        <family val="1"/>
        <charset val="128"/>
      </rPr>
      <t>を買う。</t>
    </r>
    <rPh sb="0" eb="2">
      <t>シゴト</t>
    </rPh>
    <rPh sb="3" eb="4">
      <t>タイ</t>
    </rPh>
    <rPh sb="6" eb="8">
      <t>ネツイ</t>
    </rPh>
    <rPh sb="9" eb="10">
      <t>カ</t>
    </rPh>
    <phoneticPr fontId="1"/>
  </si>
  <si>
    <r>
      <t>強い</t>
    </r>
    <r>
      <rPr>
        <b/>
        <u/>
        <sz val="14"/>
        <rFont val="HGP教科書体"/>
        <family val="1"/>
        <charset val="128"/>
      </rPr>
      <t>ガンボウ</t>
    </r>
    <r>
      <rPr>
        <sz val="14"/>
        <rFont val="HGP教科書体"/>
        <family val="1"/>
        <charset val="128"/>
      </rPr>
      <t>をいだく。</t>
    </r>
    <rPh sb="0" eb="1">
      <t>ツヨ</t>
    </rPh>
    <phoneticPr fontId="1"/>
  </si>
  <si>
    <r>
      <t>姉と言い</t>
    </r>
    <r>
      <rPr>
        <b/>
        <u/>
        <sz val="14"/>
        <rFont val="HGP教科書体"/>
        <family val="1"/>
        <charset val="128"/>
      </rPr>
      <t>アラソ</t>
    </r>
    <r>
      <rPr>
        <sz val="14"/>
        <rFont val="HGP教科書体"/>
        <family val="1"/>
        <charset val="128"/>
      </rPr>
      <t>う</t>
    </r>
    <r>
      <rPr>
        <b/>
        <sz val="14"/>
        <rFont val="HGP教科書体"/>
        <family val="1"/>
        <charset val="128"/>
      </rPr>
      <t>。</t>
    </r>
    <rPh sb="0" eb="1">
      <t>アネ</t>
    </rPh>
    <rPh sb="2" eb="3">
      <t>イ</t>
    </rPh>
    <phoneticPr fontId="1"/>
  </si>
  <si>
    <r>
      <t>運動会の</t>
    </r>
    <r>
      <rPr>
        <b/>
        <u/>
        <sz val="14"/>
        <rFont val="HGP教科書体"/>
        <family val="1"/>
        <charset val="128"/>
      </rPr>
      <t>トキョウソウ</t>
    </r>
    <r>
      <rPr>
        <sz val="14"/>
        <rFont val="HGP教科書体"/>
        <family val="1"/>
        <charset val="128"/>
      </rPr>
      <t>。</t>
    </r>
    <rPh sb="0" eb="3">
      <t>ウンドウカイ</t>
    </rPh>
    <phoneticPr fontId="1"/>
  </si>
  <si>
    <r>
      <rPr>
        <b/>
        <u/>
        <sz val="14"/>
        <rFont val="HGP教科書体"/>
        <family val="1"/>
        <charset val="128"/>
      </rPr>
      <t>ソウコ</t>
    </r>
    <r>
      <rPr>
        <sz val="14"/>
        <rFont val="HGP教科書体"/>
        <family val="1"/>
        <charset val="128"/>
      </rPr>
      <t>の整理をする。</t>
    </r>
    <rPh sb="4" eb="6">
      <t>セイリ</t>
    </rPh>
    <phoneticPr fontId="1"/>
  </si>
  <si>
    <r>
      <t>指の</t>
    </r>
    <r>
      <rPr>
        <b/>
        <u/>
        <sz val="14"/>
        <rFont val="HGP教科書体"/>
        <family val="1"/>
        <charset val="128"/>
      </rPr>
      <t>カンカク</t>
    </r>
    <r>
      <rPr>
        <sz val="14"/>
        <rFont val="HGP教科書体"/>
        <family val="1"/>
        <charset val="128"/>
      </rPr>
      <t>がなくなる。</t>
    </r>
    <rPh sb="0" eb="1">
      <t>ユビ</t>
    </rPh>
    <phoneticPr fontId="1"/>
  </si>
  <si>
    <r>
      <rPr>
        <b/>
        <u/>
        <sz val="14"/>
        <rFont val="HGP教科書体"/>
        <family val="1"/>
        <charset val="128"/>
      </rPr>
      <t>ショッキ</t>
    </r>
    <r>
      <rPr>
        <sz val="14"/>
        <rFont val="HGP教科書体"/>
        <family val="1"/>
        <charset val="128"/>
      </rPr>
      <t>がわれてしまった。</t>
    </r>
    <phoneticPr fontId="1"/>
  </si>
  <si>
    <r>
      <t>荷物を</t>
    </r>
    <r>
      <rPr>
        <b/>
        <u/>
        <sz val="14"/>
        <rFont val="HGP教科書体"/>
        <family val="1"/>
        <charset val="128"/>
      </rPr>
      <t>ツ</t>
    </r>
    <r>
      <rPr>
        <sz val="14"/>
        <rFont val="HGP教科書体"/>
        <family val="1"/>
        <charset val="128"/>
      </rPr>
      <t>む。</t>
    </r>
    <rPh sb="0" eb="2">
      <t>ニモツ</t>
    </rPh>
    <phoneticPr fontId="1"/>
  </si>
  <si>
    <r>
      <t>けがが</t>
    </r>
    <r>
      <rPr>
        <b/>
        <u/>
        <sz val="14"/>
        <rFont val="HGP教科書体"/>
        <family val="1"/>
        <charset val="128"/>
      </rPr>
      <t>カンチ</t>
    </r>
    <r>
      <rPr>
        <sz val="14"/>
        <rFont val="HGP教科書体"/>
        <family val="1"/>
        <charset val="128"/>
      </rPr>
      <t>した。</t>
    </r>
    <phoneticPr fontId="1"/>
  </si>
  <si>
    <r>
      <t>算数には色々な</t>
    </r>
    <r>
      <rPr>
        <b/>
        <u/>
        <sz val="14"/>
        <rFont val="HGP教科書体"/>
        <family val="1"/>
        <charset val="128"/>
      </rPr>
      <t>タンイ</t>
    </r>
    <r>
      <rPr>
        <sz val="14"/>
        <rFont val="HGP教科書体"/>
        <family val="1"/>
        <charset val="128"/>
      </rPr>
      <t>がある。</t>
    </r>
    <rPh sb="0" eb="2">
      <t>サンスウ</t>
    </rPh>
    <rPh sb="4" eb="6">
      <t>イロイロ</t>
    </rPh>
    <phoneticPr fontId="1"/>
  </si>
  <si>
    <r>
      <t>強い</t>
    </r>
    <r>
      <rPr>
        <b/>
        <u/>
        <sz val="14"/>
        <rFont val="HGP教科書体"/>
        <family val="1"/>
        <charset val="128"/>
      </rPr>
      <t>願望</t>
    </r>
    <r>
      <rPr>
        <sz val="14"/>
        <rFont val="HGP教科書体"/>
        <family val="1"/>
        <charset val="128"/>
      </rPr>
      <t>をいだく。</t>
    </r>
    <rPh sb="0" eb="1">
      <t>ツヨ</t>
    </rPh>
    <rPh sb="2" eb="4">
      <t>ガンボウ</t>
    </rPh>
    <phoneticPr fontId="1"/>
  </si>
  <si>
    <r>
      <t>運動会の</t>
    </r>
    <r>
      <rPr>
        <b/>
        <u/>
        <sz val="14"/>
        <rFont val="HGP教科書体"/>
        <family val="1"/>
        <charset val="128"/>
      </rPr>
      <t>徒競走</t>
    </r>
    <r>
      <rPr>
        <sz val="14"/>
        <rFont val="HGP教科書体"/>
        <family val="1"/>
        <charset val="128"/>
      </rPr>
      <t>。</t>
    </r>
    <rPh sb="0" eb="3">
      <t>ウンドウカイ</t>
    </rPh>
    <rPh sb="4" eb="7">
      <t>トキョウソウ</t>
    </rPh>
    <phoneticPr fontId="1"/>
  </si>
  <si>
    <r>
      <rPr>
        <b/>
        <u/>
        <sz val="14"/>
        <rFont val="HGP教科書体"/>
        <family val="1"/>
        <charset val="128"/>
      </rPr>
      <t>倉庫</t>
    </r>
    <r>
      <rPr>
        <sz val="14"/>
        <rFont val="HGP教科書体"/>
        <family val="1"/>
        <charset val="128"/>
      </rPr>
      <t>の整理をする。</t>
    </r>
    <rPh sb="0" eb="2">
      <t>ソウコ</t>
    </rPh>
    <rPh sb="3" eb="5">
      <t>セイリ</t>
    </rPh>
    <phoneticPr fontId="1"/>
  </si>
  <si>
    <r>
      <t>指の</t>
    </r>
    <r>
      <rPr>
        <b/>
        <u/>
        <sz val="14"/>
        <rFont val="HGP教科書体"/>
        <family val="1"/>
        <charset val="128"/>
      </rPr>
      <t>感覚</t>
    </r>
    <r>
      <rPr>
        <sz val="14"/>
        <rFont val="HGP教科書体"/>
        <family val="1"/>
        <charset val="128"/>
      </rPr>
      <t>がなくなる。</t>
    </r>
    <rPh sb="0" eb="1">
      <t>ユビ</t>
    </rPh>
    <rPh sb="2" eb="4">
      <t>カンカク</t>
    </rPh>
    <phoneticPr fontId="1"/>
  </si>
  <si>
    <r>
      <rPr>
        <b/>
        <u/>
        <sz val="14"/>
        <rFont val="HGP教科書体"/>
        <family val="1"/>
        <charset val="128"/>
      </rPr>
      <t>食器</t>
    </r>
    <r>
      <rPr>
        <sz val="14"/>
        <rFont val="HGP教科書体"/>
        <family val="1"/>
        <charset val="128"/>
      </rPr>
      <t>がわれてしまった。</t>
    </r>
    <rPh sb="0" eb="2">
      <t>ショッキ</t>
    </rPh>
    <phoneticPr fontId="1"/>
  </si>
  <si>
    <r>
      <t>荷物を</t>
    </r>
    <r>
      <rPr>
        <b/>
        <u/>
        <sz val="14"/>
        <rFont val="HGP教科書体"/>
        <family val="1"/>
        <charset val="128"/>
      </rPr>
      <t>積</t>
    </r>
    <r>
      <rPr>
        <sz val="14"/>
        <rFont val="HGP教科書体"/>
        <family val="1"/>
        <charset val="128"/>
      </rPr>
      <t>む。</t>
    </r>
    <rPh sb="0" eb="2">
      <t>ニモツ</t>
    </rPh>
    <rPh sb="3" eb="4">
      <t>ツ</t>
    </rPh>
    <phoneticPr fontId="1"/>
  </si>
  <si>
    <r>
      <t>けがが</t>
    </r>
    <r>
      <rPr>
        <b/>
        <u/>
        <sz val="14"/>
        <rFont val="HGP教科書体"/>
        <family val="1"/>
        <charset val="128"/>
      </rPr>
      <t>完治</t>
    </r>
    <r>
      <rPr>
        <sz val="14"/>
        <rFont val="HGP教科書体"/>
        <family val="1"/>
        <charset val="128"/>
      </rPr>
      <t>した。</t>
    </r>
    <rPh sb="3" eb="5">
      <t>カンチ</t>
    </rPh>
    <phoneticPr fontId="1"/>
  </si>
  <si>
    <r>
      <t>算数には色々な</t>
    </r>
    <r>
      <rPr>
        <b/>
        <u/>
        <sz val="14"/>
        <rFont val="HGP教科書体"/>
        <family val="1"/>
        <charset val="128"/>
      </rPr>
      <t>単位</t>
    </r>
    <r>
      <rPr>
        <sz val="14"/>
        <rFont val="HGP教科書体"/>
        <family val="1"/>
        <charset val="128"/>
      </rPr>
      <t>がある。</t>
    </r>
    <rPh sb="0" eb="2">
      <t>サンスウ</t>
    </rPh>
    <rPh sb="4" eb="6">
      <t>イロイロ</t>
    </rPh>
    <rPh sb="7" eb="9">
      <t>タンイ</t>
    </rPh>
    <phoneticPr fontId="1"/>
  </si>
  <si>
    <r>
      <rPr>
        <b/>
        <u/>
        <sz val="14"/>
        <rFont val="HGP教科書体"/>
        <family val="1"/>
        <charset val="128"/>
      </rPr>
      <t>ヤサイ</t>
    </r>
    <r>
      <rPr>
        <sz val="14"/>
        <rFont val="HGP教科書体"/>
        <family val="1"/>
        <charset val="128"/>
      </rPr>
      <t>を食べる。</t>
    </r>
    <rPh sb="4" eb="5">
      <t>タ</t>
    </rPh>
    <phoneticPr fontId="1"/>
  </si>
  <si>
    <r>
      <rPr>
        <b/>
        <u/>
        <sz val="14"/>
        <rFont val="HGP教科書体"/>
        <family val="1"/>
        <charset val="128"/>
      </rPr>
      <t>ナンキョクタイリク</t>
    </r>
    <r>
      <rPr>
        <sz val="14"/>
        <rFont val="HGP教科書体"/>
        <family val="1"/>
        <charset val="128"/>
      </rPr>
      <t>ヘ行く。</t>
    </r>
    <rPh sb="10" eb="11">
      <t>イ</t>
    </rPh>
    <phoneticPr fontId="1"/>
  </si>
  <si>
    <r>
      <t>ツバメのひなが</t>
    </r>
    <r>
      <rPr>
        <b/>
        <u/>
        <sz val="14"/>
        <rFont val="HGP教科書体"/>
        <family val="1"/>
        <charset val="128"/>
      </rPr>
      <t>スダ</t>
    </r>
    <r>
      <rPr>
        <sz val="14"/>
        <rFont val="HGP教科書体"/>
        <family val="1"/>
        <charset val="128"/>
      </rPr>
      <t>つ。</t>
    </r>
    <phoneticPr fontId="1"/>
  </si>
  <si>
    <r>
      <rPr>
        <b/>
        <u/>
        <sz val="14"/>
        <rFont val="HGP教科書体"/>
        <family val="1"/>
        <charset val="128"/>
      </rPr>
      <t>カモツレッシャ</t>
    </r>
    <r>
      <rPr>
        <sz val="14"/>
        <rFont val="HGP教科書体"/>
        <family val="1"/>
        <charset val="128"/>
      </rPr>
      <t>を運転する。</t>
    </r>
    <rPh sb="8" eb="10">
      <t>ウンテン</t>
    </rPh>
    <phoneticPr fontId="1"/>
  </si>
  <si>
    <r>
      <rPr>
        <b/>
        <u/>
        <sz val="14"/>
        <rFont val="HGP教科書体"/>
        <family val="1"/>
        <charset val="128"/>
      </rPr>
      <t>カクチ</t>
    </r>
    <r>
      <rPr>
        <sz val="14"/>
        <rFont val="HGP教科書体"/>
        <family val="1"/>
        <charset val="128"/>
      </rPr>
      <t>の名産を調べる。</t>
    </r>
    <rPh sb="4" eb="6">
      <t>メイサン</t>
    </rPh>
    <rPh sb="7" eb="8">
      <t>シラ</t>
    </rPh>
    <phoneticPr fontId="1"/>
  </si>
  <si>
    <r>
      <rPr>
        <b/>
        <u/>
        <sz val="14"/>
        <rFont val="HGP教科書体"/>
        <family val="1"/>
        <charset val="128"/>
      </rPr>
      <t>ムリ</t>
    </r>
    <r>
      <rPr>
        <sz val="14"/>
        <rFont val="HGP教科書体"/>
        <family val="1"/>
        <charset val="128"/>
      </rPr>
      <t>を言われてもこまる。</t>
    </r>
    <rPh sb="3" eb="4">
      <t>イ</t>
    </rPh>
    <phoneticPr fontId="1"/>
  </si>
  <si>
    <r>
      <rPr>
        <b/>
        <u/>
        <sz val="14"/>
        <rFont val="HGP教科書体"/>
        <family val="1"/>
        <charset val="128"/>
      </rPr>
      <t>ミンゾク</t>
    </r>
    <r>
      <rPr>
        <sz val="14"/>
        <rFont val="HGP教科書体"/>
        <family val="1"/>
        <charset val="128"/>
      </rPr>
      <t>衣しょうが似合う。</t>
    </r>
    <rPh sb="4" eb="5">
      <t>コロモ</t>
    </rPh>
    <rPh sb="9" eb="11">
      <t>ニア</t>
    </rPh>
    <phoneticPr fontId="1"/>
  </si>
  <si>
    <r>
      <t>マザー</t>
    </r>
    <r>
      <rPr>
        <b/>
        <u/>
        <sz val="14"/>
        <rFont val="HGP教科書体"/>
        <family val="1"/>
        <charset val="128"/>
      </rPr>
      <t>ボクジョウ</t>
    </r>
    <r>
      <rPr>
        <sz val="14"/>
        <rFont val="HGP教科書体"/>
        <family val="1"/>
        <charset val="128"/>
      </rPr>
      <t>へ行く。</t>
    </r>
    <rPh sb="9" eb="10">
      <t>イ</t>
    </rPh>
    <phoneticPr fontId="1"/>
  </si>
  <si>
    <r>
      <t>なわとびを</t>
    </r>
    <r>
      <rPr>
        <b/>
        <u/>
        <sz val="14"/>
        <rFont val="HGP教科書体"/>
        <family val="1"/>
        <charset val="128"/>
      </rPr>
      <t>レンゾク</t>
    </r>
    <r>
      <rPr>
        <sz val="14"/>
        <rFont val="HGP教科書体"/>
        <family val="1"/>
        <charset val="128"/>
      </rPr>
      <t>でとぶ。</t>
    </r>
    <phoneticPr fontId="1"/>
  </si>
  <si>
    <r>
      <t>先生と</t>
    </r>
    <r>
      <rPr>
        <b/>
        <u/>
        <sz val="14"/>
        <rFont val="HGP教科書体"/>
        <family val="1"/>
        <charset val="128"/>
      </rPr>
      <t>エイゴ</t>
    </r>
    <r>
      <rPr>
        <sz val="14"/>
        <rFont val="HGP教科書体"/>
        <family val="1"/>
        <charset val="128"/>
      </rPr>
      <t>で話す。</t>
    </r>
    <rPh sb="0" eb="2">
      <t>センセイ</t>
    </rPh>
    <rPh sb="7" eb="8">
      <t>ハナ</t>
    </rPh>
    <phoneticPr fontId="1"/>
  </si>
  <si>
    <r>
      <rPr>
        <b/>
        <u/>
        <sz val="14"/>
        <rFont val="HGP教科書体"/>
        <family val="1"/>
        <charset val="128"/>
      </rPr>
      <t>アサ</t>
    </r>
    <r>
      <rPr>
        <sz val="14"/>
        <rFont val="HGP教科書体"/>
        <family val="1"/>
        <charset val="128"/>
      </rPr>
      <t>い川で遊ぶ。</t>
    </r>
    <rPh sb="3" eb="4">
      <t>カワ</t>
    </rPh>
    <rPh sb="5" eb="6">
      <t>アソ</t>
    </rPh>
    <phoneticPr fontId="1"/>
  </si>
  <si>
    <r>
      <rPr>
        <b/>
        <u/>
        <sz val="14"/>
        <rFont val="HGP教科書体"/>
        <family val="1"/>
        <charset val="128"/>
      </rPr>
      <t>ケンコウ</t>
    </r>
    <r>
      <rPr>
        <sz val="14"/>
        <rFont val="HGP教科書体"/>
        <family val="1"/>
        <charset val="128"/>
      </rPr>
      <t>に良い生活をする。</t>
    </r>
    <rPh sb="5" eb="6">
      <t>ヨ</t>
    </rPh>
    <rPh sb="7" eb="9">
      <t>セイカツ</t>
    </rPh>
    <phoneticPr fontId="1"/>
  </si>
  <si>
    <r>
      <rPr>
        <b/>
        <u/>
        <sz val="14"/>
        <rFont val="HGP教科書体"/>
        <family val="1"/>
        <charset val="128"/>
      </rPr>
      <t>野菜</t>
    </r>
    <r>
      <rPr>
        <sz val="14"/>
        <rFont val="HGP教科書体"/>
        <family val="1"/>
        <charset val="128"/>
      </rPr>
      <t>を食べる。</t>
    </r>
    <rPh sb="0" eb="2">
      <t>ヤサイ</t>
    </rPh>
    <rPh sb="1" eb="2">
      <t>クイノ</t>
    </rPh>
    <rPh sb="3" eb="4">
      <t>タ</t>
    </rPh>
    <phoneticPr fontId="1"/>
  </si>
  <si>
    <r>
      <rPr>
        <b/>
        <u/>
        <sz val="14"/>
        <rFont val="HGP教科書体"/>
        <family val="1"/>
        <charset val="128"/>
      </rPr>
      <t>南極大陸</t>
    </r>
    <r>
      <rPr>
        <sz val="14"/>
        <rFont val="HGP教科書体"/>
        <family val="1"/>
        <charset val="128"/>
      </rPr>
      <t>ヘ行く。</t>
    </r>
    <rPh sb="0" eb="2">
      <t>ナンキョク</t>
    </rPh>
    <rPh sb="2" eb="4">
      <t>タイリク</t>
    </rPh>
    <rPh sb="5" eb="6">
      <t>イ</t>
    </rPh>
    <phoneticPr fontId="1"/>
  </si>
  <si>
    <r>
      <t>ツバメのひなが</t>
    </r>
    <r>
      <rPr>
        <b/>
        <u/>
        <sz val="14"/>
        <rFont val="HGP教科書体"/>
        <family val="1"/>
        <charset val="128"/>
      </rPr>
      <t>巣立</t>
    </r>
    <r>
      <rPr>
        <sz val="14"/>
        <rFont val="HGP教科書体"/>
        <family val="1"/>
        <charset val="128"/>
      </rPr>
      <t>つ。</t>
    </r>
    <rPh sb="7" eb="9">
      <t>スダ</t>
    </rPh>
    <phoneticPr fontId="1"/>
  </si>
  <si>
    <r>
      <rPr>
        <b/>
        <u/>
        <sz val="14"/>
        <rFont val="HGP教科書体"/>
        <family val="1"/>
        <charset val="128"/>
      </rPr>
      <t>貨物列車</t>
    </r>
    <r>
      <rPr>
        <sz val="14"/>
        <rFont val="HGP教科書体"/>
        <family val="1"/>
        <charset val="128"/>
      </rPr>
      <t>を運転する。</t>
    </r>
    <rPh sb="0" eb="2">
      <t>カモツ</t>
    </rPh>
    <rPh sb="2" eb="4">
      <t>レッシャ</t>
    </rPh>
    <rPh sb="5" eb="7">
      <t>ウンテン</t>
    </rPh>
    <phoneticPr fontId="1"/>
  </si>
  <si>
    <r>
      <rPr>
        <b/>
        <u/>
        <sz val="14"/>
        <rFont val="HGP教科書体"/>
        <family val="1"/>
        <charset val="128"/>
      </rPr>
      <t>各地</t>
    </r>
    <r>
      <rPr>
        <sz val="14"/>
        <rFont val="HGP教科書体"/>
        <family val="1"/>
        <charset val="128"/>
      </rPr>
      <t>の名産を調べる。</t>
    </r>
    <rPh sb="0" eb="2">
      <t>カクチ</t>
    </rPh>
    <rPh sb="3" eb="5">
      <t>メイサン</t>
    </rPh>
    <rPh sb="6" eb="7">
      <t>シラ</t>
    </rPh>
    <phoneticPr fontId="1"/>
  </si>
  <si>
    <r>
      <rPr>
        <b/>
        <u/>
        <sz val="14"/>
        <rFont val="HGP教科書体"/>
        <family val="1"/>
        <charset val="128"/>
      </rPr>
      <t>無理</t>
    </r>
    <r>
      <rPr>
        <sz val="14"/>
        <rFont val="HGP教科書体"/>
        <family val="1"/>
        <charset val="128"/>
      </rPr>
      <t>を言われてもこまる。</t>
    </r>
    <rPh sb="0" eb="2">
      <t>ムリ</t>
    </rPh>
    <rPh sb="3" eb="4">
      <t>イ</t>
    </rPh>
    <phoneticPr fontId="1"/>
  </si>
  <si>
    <r>
      <rPr>
        <b/>
        <u/>
        <sz val="14"/>
        <rFont val="HGP教科書体"/>
        <family val="1"/>
        <charset val="128"/>
      </rPr>
      <t>民族</t>
    </r>
    <r>
      <rPr>
        <sz val="14"/>
        <rFont val="HGP教科書体"/>
        <family val="1"/>
        <charset val="128"/>
      </rPr>
      <t>衣しょうが似合う。</t>
    </r>
    <rPh sb="0" eb="2">
      <t>ミンゾク</t>
    </rPh>
    <rPh sb="2" eb="3">
      <t>コロモ</t>
    </rPh>
    <rPh sb="7" eb="9">
      <t>ニア</t>
    </rPh>
    <phoneticPr fontId="1"/>
  </si>
  <si>
    <r>
      <t>マザー</t>
    </r>
    <r>
      <rPr>
        <b/>
        <u/>
        <sz val="14"/>
        <rFont val="HGP教科書体"/>
        <family val="1"/>
        <charset val="128"/>
      </rPr>
      <t>牧場</t>
    </r>
    <r>
      <rPr>
        <sz val="14"/>
        <rFont val="HGP教科書体"/>
        <family val="1"/>
        <charset val="128"/>
      </rPr>
      <t>へ行く。</t>
    </r>
    <rPh sb="3" eb="5">
      <t>ボクジョウ</t>
    </rPh>
    <rPh sb="6" eb="7">
      <t>イ</t>
    </rPh>
    <phoneticPr fontId="1"/>
  </si>
  <si>
    <r>
      <t>なわとびを</t>
    </r>
    <r>
      <rPr>
        <b/>
        <u/>
        <sz val="14"/>
        <rFont val="HGP教科書体"/>
        <family val="1"/>
        <charset val="128"/>
      </rPr>
      <t>連続</t>
    </r>
    <r>
      <rPr>
        <sz val="14"/>
        <rFont val="HGP教科書体"/>
        <family val="1"/>
        <charset val="128"/>
      </rPr>
      <t>でとぶ。</t>
    </r>
    <rPh sb="5" eb="7">
      <t>レンゾク</t>
    </rPh>
    <phoneticPr fontId="1"/>
  </si>
  <si>
    <r>
      <t>先生と</t>
    </r>
    <r>
      <rPr>
        <b/>
        <u/>
        <sz val="14"/>
        <rFont val="HGP教科書体"/>
        <family val="1"/>
        <charset val="128"/>
      </rPr>
      <t>英語</t>
    </r>
    <r>
      <rPr>
        <sz val="14"/>
        <rFont val="HGP教科書体"/>
        <family val="1"/>
        <charset val="128"/>
      </rPr>
      <t>で話す。</t>
    </r>
    <rPh sb="0" eb="2">
      <t>センセイ</t>
    </rPh>
    <rPh sb="3" eb="5">
      <t>エイゴ</t>
    </rPh>
    <rPh sb="6" eb="7">
      <t>ハナ</t>
    </rPh>
    <phoneticPr fontId="1"/>
  </si>
  <si>
    <r>
      <rPr>
        <b/>
        <u/>
        <sz val="14"/>
        <rFont val="HGP教科書体"/>
        <family val="1"/>
        <charset val="128"/>
      </rPr>
      <t>浅</t>
    </r>
    <r>
      <rPr>
        <sz val="14"/>
        <rFont val="HGP教科書体"/>
        <family val="1"/>
        <charset val="128"/>
      </rPr>
      <t>い川で遊ぶ。</t>
    </r>
    <rPh sb="0" eb="1">
      <t>アサ</t>
    </rPh>
    <rPh sb="2" eb="3">
      <t>カワ</t>
    </rPh>
    <rPh sb="4" eb="5">
      <t>アソ</t>
    </rPh>
    <phoneticPr fontId="1"/>
  </si>
  <si>
    <r>
      <rPr>
        <b/>
        <u/>
        <sz val="14"/>
        <rFont val="HGP教科書体"/>
        <family val="1"/>
        <charset val="128"/>
      </rPr>
      <t>健康</t>
    </r>
    <r>
      <rPr>
        <sz val="14"/>
        <rFont val="HGP教科書体"/>
        <family val="1"/>
        <charset val="128"/>
      </rPr>
      <t>に良い生活をする。</t>
    </r>
    <rPh sb="0" eb="2">
      <t>ケンコウ</t>
    </rPh>
    <rPh sb="3" eb="4">
      <t>ヨ</t>
    </rPh>
    <rPh sb="5" eb="7">
      <t>セイカツ</t>
    </rPh>
    <phoneticPr fontId="1"/>
  </si>
  <si>
    <r>
      <t>実験が</t>
    </r>
    <r>
      <rPr>
        <b/>
        <u/>
        <sz val="14"/>
        <rFont val="HGP教科書体"/>
        <family val="1"/>
        <charset val="128"/>
      </rPr>
      <t>セイコウ</t>
    </r>
    <r>
      <rPr>
        <sz val="14"/>
        <rFont val="HGP教科書体"/>
        <family val="1"/>
        <charset val="128"/>
      </rPr>
      <t>した。</t>
    </r>
    <rPh sb="0" eb="2">
      <t>ジッケン</t>
    </rPh>
    <phoneticPr fontId="1"/>
  </si>
  <si>
    <r>
      <rPr>
        <b/>
        <u/>
        <sz val="14"/>
        <rFont val="HGP教科書体"/>
        <family val="1"/>
        <charset val="128"/>
      </rPr>
      <t>トクベツ</t>
    </r>
    <r>
      <rPr>
        <sz val="14"/>
        <rFont val="HGP教科書体"/>
        <family val="1"/>
        <charset val="128"/>
      </rPr>
      <t>にサービスしよう。</t>
    </r>
    <phoneticPr fontId="1"/>
  </si>
  <si>
    <r>
      <t>畑の</t>
    </r>
    <r>
      <rPr>
        <b/>
        <u/>
        <sz val="14"/>
        <rFont val="HGP教科書体"/>
        <family val="1"/>
        <charset val="128"/>
      </rPr>
      <t>メンセキ</t>
    </r>
    <r>
      <rPr>
        <sz val="14"/>
        <rFont val="HGP教科書体"/>
        <family val="1"/>
        <charset val="128"/>
      </rPr>
      <t>を調べる。</t>
    </r>
    <rPh sb="0" eb="1">
      <t>ハタケ</t>
    </rPh>
    <rPh sb="7" eb="8">
      <t>シラ</t>
    </rPh>
    <phoneticPr fontId="1"/>
  </si>
  <si>
    <r>
      <t>次の信号を</t>
    </r>
    <r>
      <rPr>
        <b/>
        <u/>
        <sz val="14"/>
        <rFont val="HGP教科書体"/>
        <family val="1"/>
        <charset val="128"/>
      </rPr>
      <t>サセツ</t>
    </r>
    <r>
      <rPr>
        <sz val="14"/>
        <rFont val="HGP教科書体"/>
        <family val="1"/>
        <charset val="128"/>
      </rPr>
      <t>する。</t>
    </r>
    <rPh sb="0" eb="1">
      <t>ツギ</t>
    </rPh>
    <rPh sb="2" eb="4">
      <t>シンゴウ</t>
    </rPh>
    <phoneticPr fontId="1"/>
  </si>
  <si>
    <r>
      <t>実験が</t>
    </r>
    <r>
      <rPr>
        <b/>
        <u/>
        <sz val="14"/>
        <rFont val="HGP教科書体"/>
        <family val="1"/>
        <charset val="128"/>
      </rPr>
      <t>成功</t>
    </r>
    <r>
      <rPr>
        <sz val="14"/>
        <rFont val="HGP教科書体"/>
        <family val="1"/>
        <charset val="128"/>
      </rPr>
      <t>した。</t>
    </r>
    <rPh sb="0" eb="2">
      <t>ジッケン</t>
    </rPh>
    <rPh sb="3" eb="5">
      <t>セイコウ</t>
    </rPh>
    <phoneticPr fontId="1"/>
  </si>
  <si>
    <r>
      <t>ビルの</t>
    </r>
    <r>
      <rPr>
        <b/>
        <u/>
        <sz val="14"/>
        <rFont val="HGP教科書体"/>
        <family val="1"/>
        <charset val="128"/>
      </rPr>
      <t>反対側</t>
    </r>
    <r>
      <rPr>
        <sz val="14"/>
        <rFont val="HGP教科書体"/>
        <family val="1"/>
        <charset val="128"/>
      </rPr>
      <t>。</t>
    </r>
    <rPh sb="3" eb="6">
      <t>ハンタイガワ</t>
    </rPh>
    <phoneticPr fontId="1"/>
  </si>
  <si>
    <r>
      <t>畑の</t>
    </r>
    <r>
      <rPr>
        <b/>
        <u/>
        <sz val="14"/>
        <rFont val="HGP教科書体"/>
        <family val="1"/>
        <charset val="128"/>
      </rPr>
      <t>面積</t>
    </r>
    <r>
      <rPr>
        <sz val="14"/>
        <rFont val="HGP教科書体"/>
        <family val="1"/>
        <charset val="128"/>
      </rPr>
      <t>を調べる。</t>
    </r>
    <rPh sb="0" eb="1">
      <t>ハタケ</t>
    </rPh>
    <rPh sb="2" eb="4">
      <t>メンセキ</t>
    </rPh>
    <rPh sb="5" eb="6">
      <t>シラ</t>
    </rPh>
    <phoneticPr fontId="1"/>
  </si>
  <si>
    <r>
      <t>次の信号を</t>
    </r>
    <r>
      <rPr>
        <b/>
        <u/>
        <sz val="14"/>
        <rFont val="HGP教科書体"/>
        <family val="1"/>
        <charset val="128"/>
      </rPr>
      <t>左折</t>
    </r>
    <r>
      <rPr>
        <sz val="14"/>
        <rFont val="HGP教科書体"/>
        <family val="1"/>
        <charset val="128"/>
      </rPr>
      <t>する。</t>
    </r>
    <rPh sb="0" eb="1">
      <t>ツギ</t>
    </rPh>
    <rPh sb="2" eb="4">
      <t>シンゴウ</t>
    </rPh>
    <rPh sb="5" eb="7">
      <t>サセツ</t>
    </rPh>
    <phoneticPr fontId="1"/>
  </si>
  <si>
    <r>
      <t>きそくを</t>
    </r>
    <r>
      <rPr>
        <b/>
        <u/>
        <sz val="14"/>
        <rFont val="HGP教科書体"/>
        <family val="1"/>
        <charset val="128"/>
      </rPr>
      <t>アラタ</t>
    </r>
    <r>
      <rPr>
        <sz val="14"/>
        <rFont val="HGP教科書体"/>
        <family val="1"/>
        <charset val="128"/>
      </rPr>
      <t>める。</t>
    </r>
    <phoneticPr fontId="1"/>
  </si>
  <si>
    <r>
      <t>色々な</t>
    </r>
    <r>
      <rPr>
        <b/>
        <u/>
        <sz val="14"/>
        <rFont val="HGP教科書体"/>
        <family val="1"/>
        <charset val="128"/>
      </rPr>
      <t>コッキ</t>
    </r>
    <r>
      <rPr>
        <sz val="14"/>
        <rFont val="HGP教科書体"/>
        <family val="1"/>
        <charset val="128"/>
      </rPr>
      <t>をかざる。</t>
    </r>
    <rPh sb="0" eb="2">
      <t>イロイロ</t>
    </rPh>
    <phoneticPr fontId="1"/>
  </si>
  <si>
    <r>
      <t>身を</t>
    </r>
    <r>
      <rPr>
        <b/>
        <u/>
        <sz val="14"/>
        <rFont val="HGP教科書体"/>
        <family val="1"/>
        <charset val="128"/>
      </rPr>
      <t>キヨ</t>
    </r>
    <r>
      <rPr>
        <sz val="14"/>
        <rFont val="HGP教科書体"/>
        <family val="1"/>
        <charset val="128"/>
      </rPr>
      <t>める。</t>
    </r>
    <rPh sb="0" eb="1">
      <t>ミ</t>
    </rPh>
    <phoneticPr fontId="1"/>
  </si>
  <si>
    <r>
      <t>君の言葉で</t>
    </r>
    <r>
      <rPr>
        <b/>
        <u/>
        <sz val="14"/>
        <rFont val="HGP教科書体"/>
        <family val="1"/>
        <charset val="128"/>
      </rPr>
      <t>ユウキ</t>
    </r>
    <r>
      <rPr>
        <sz val="14"/>
        <rFont val="HGP教科書体"/>
        <family val="1"/>
        <charset val="128"/>
      </rPr>
      <t>百倍だ。</t>
    </r>
    <rPh sb="0" eb="1">
      <t>キミ</t>
    </rPh>
    <rPh sb="2" eb="4">
      <t>コトバ</t>
    </rPh>
    <rPh sb="8" eb="9">
      <t>ヒャク</t>
    </rPh>
    <rPh sb="9" eb="10">
      <t>バイ</t>
    </rPh>
    <phoneticPr fontId="1"/>
  </si>
  <si>
    <r>
      <t>君の言葉で</t>
    </r>
    <r>
      <rPr>
        <b/>
        <u/>
        <sz val="14"/>
        <rFont val="HGP教科書体"/>
        <family val="1"/>
        <charset val="128"/>
      </rPr>
      <t>勇気</t>
    </r>
    <r>
      <rPr>
        <sz val="14"/>
        <rFont val="HGP教科書体"/>
        <family val="1"/>
        <charset val="128"/>
      </rPr>
      <t>百倍だ。</t>
    </r>
    <rPh sb="0" eb="1">
      <t>キミ</t>
    </rPh>
    <rPh sb="2" eb="4">
      <t>コトバ</t>
    </rPh>
    <rPh sb="5" eb="7">
      <t>ユウキ</t>
    </rPh>
    <rPh sb="7" eb="8">
      <t>ヒャク</t>
    </rPh>
    <rPh sb="8" eb="9">
      <t>バイ</t>
    </rPh>
    <phoneticPr fontId="1"/>
  </si>
  <si>
    <r>
      <t>大きな声で</t>
    </r>
    <r>
      <rPr>
        <b/>
        <u/>
        <sz val="14"/>
        <rFont val="HGP教科書体"/>
        <family val="1"/>
        <charset val="128"/>
      </rPr>
      <t>ワラ</t>
    </r>
    <r>
      <rPr>
        <sz val="14"/>
        <rFont val="HGP教科書体"/>
        <family val="1"/>
        <charset val="128"/>
      </rPr>
      <t>う。</t>
    </r>
    <rPh sb="0" eb="1">
      <t>オオ</t>
    </rPh>
    <rPh sb="3" eb="4">
      <t>コエ</t>
    </rPh>
    <phoneticPr fontId="2"/>
  </si>
  <si>
    <r>
      <rPr>
        <b/>
        <u/>
        <sz val="14"/>
        <rFont val="HGP教科書体"/>
        <family val="1"/>
        <charset val="128"/>
      </rPr>
      <t>無料席</t>
    </r>
    <r>
      <rPr>
        <sz val="14"/>
        <rFont val="HGP教科書体"/>
        <family val="1"/>
        <charset val="128"/>
      </rPr>
      <t>にすわる。</t>
    </r>
    <rPh sb="0" eb="2">
      <t>ムリョウ</t>
    </rPh>
    <rPh sb="2" eb="3">
      <t>セキ</t>
    </rPh>
    <phoneticPr fontId="2"/>
  </si>
  <si>
    <r>
      <rPr>
        <b/>
        <u/>
        <sz val="14"/>
        <rFont val="HGP教科書体"/>
        <family val="1"/>
        <charset val="128"/>
      </rPr>
      <t>シレイ</t>
    </r>
    <r>
      <rPr>
        <sz val="14"/>
        <rFont val="HGP教科書体"/>
        <family val="1"/>
        <charset val="128"/>
      </rPr>
      <t>部がおかれる。</t>
    </r>
    <rPh sb="3" eb="4">
      <t>ブ</t>
    </rPh>
    <phoneticPr fontId="2"/>
  </si>
  <si>
    <r>
      <rPr>
        <b/>
        <u/>
        <sz val="14"/>
        <rFont val="HGP教科書体"/>
        <family val="1"/>
        <charset val="128"/>
      </rPr>
      <t>司令</t>
    </r>
    <r>
      <rPr>
        <sz val="14"/>
        <rFont val="HGP教科書体"/>
        <family val="1"/>
        <charset val="128"/>
      </rPr>
      <t>部がおかれる。</t>
    </r>
    <rPh sb="0" eb="2">
      <t>シレイ</t>
    </rPh>
    <rPh sb="2" eb="3">
      <t>ブ</t>
    </rPh>
    <phoneticPr fontId="2"/>
  </si>
  <si>
    <r>
      <t>答えを</t>
    </r>
    <r>
      <rPr>
        <b/>
        <u/>
        <sz val="14"/>
        <rFont val="HGP教科書体"/>
        <family val="1"/>
        <charset val="128"/>
      </rPr>
      <t>モト</t>
    </r>
    <r>
      <rPr>
        <sz val="14"/>
        <rFont val="HGP教科書体"/>
        <family val="1"/>
        <charset val="128"/>
      </rPr>
      <t>める。</t>
    </r>
    <rPh sb="0" eb="1">
      <t>コタ</t>
    </rPh>
    <phoneticPr fontId="1"/>
  </si>
  <si>
    <r>
      <t>いつか、みんな年</t>
    </r>
    <r>
      <rPr>
        <b/>
        <u/>
        <sz val="14"/>
        <rFont val="HGP教科書体"/>
        <family val="1"/>
        <charset val="128"/>
      </rPr>
      <t>オ</t>
    </r>
    <r>
      <rPr>
        <sz val="14"/>
        <rFont val="HGP教科書体"/>
        <family val="1"/>
        <charset val="128"/>
      </rPr>
      <t>いる。</t>
    </r>
    <rPh sb="7" eb="8">
      <t>トシ</t>
    </rPh>
    <phoneticPr fontId="1"/>
  </si>
  <si>
    <r>
      <rPr>
        <b/>
        <u/>
        <sz val="14"/>
        <rFont val="HGP教科書体"/>
        <family val="1"/>
        <charset val="128"/>
      </rPr>
      <t>センソウ</t>
    </r>
    <r>
      <rPr>
        <sz val="14"/>
        <rFont val="HGP教科書体"/>
        <family val="1"/>
        <charset val="128"/>
      </rPr>
      <t>には反対だ。</t>
    </r>
    <rPh sb="6" eb="8">
      <t>ハンタイ</t>
    </rPh>
    <phoneticPr fontId="1"/>
  </si>
  <si>
    <r>
      <t>父のしゅ味は</t>
    </r>
    <r>
      <rPr>
        <b/>
        <u/>
        <sz val="14"/>
        <rFont val="HGP教科書体"/>
        <family val="1"/>
        <charset val="128"/>
      </rPr>
      <t>サンポ</t>
    </r>
    <r>
      <rPr>
        <sz val="14"/>
        <rFont val="HGP教科書体"/>
        <family val="1"/>
        <charset val="128"/>
      </rPr>
      <t>だ。</t>
    </r>
    <rPh sb="0" eb="1">
      <t>チチ</t>
    </rPh>
    <rPh sb="4" eb="5">
      <t>アジ</t>
    </rPh>
    <phoneticPr fontId="1"/>
  </si>
  <si>
    <r>
      <rPr>
        <b/>
        <u/>
        <sz val="14"/>
        <rFont val="HGP教科書体"/>
        <family val="1"/>
        <charset val="128"/>
      </rPr>
      <t>戦争</t>
    </r>
    <r>
      <rPr>
        <sz val="14"/>
        <rFont val="HGP教科書体"/>
        <family val="1"/>
        <charset val="128"/>
      </rPr>
      <t>には反対だ。</t>
    </r>
    <rPh sb="0" eb="2">
      <t>センソウ</t>
    </rPh>
    <rPh sb="4" eb="6">
      <t>ハンタイ</t>
    </rPh>
    <phoneticPr fontId="1"/>
  </si>
  <si>
    <r>
      <t>父のしゅ味は</t>
    </r>
    <r>
      <rPr>
        <b/>
        <u/>
        <sz val="14"/>
        <rFont val="HGP教科書体"/>
        <family val="1"/>
        <charset val="128"/>
      </rPr>
      <t>散歩</t>
    </r>
    <r>
      <rPr>
        <sz val="14"/>
        <rFont val="HGP教科書体"/>
        <family val="1"/>
        <charset val="128"/>
      </rPr>
      <t>だ。</t>
    </r>
    <rPh sb="0" eb="1">
      <t>チチ</t>
    </rPh>
    <rPh sb="4" eb="5">
      <t>アジ</t>
    </rPh>
    <rPh sb="6" eb="8">
      <t>サンポ</t>
    </rPh>
    <phoneticPr fontId="1"/>
  </si>
  <si>
    <r>
      <rPr>
        <b/>
        <u/>
        <sz val="14"/>
        <rFont val="HGP教科書体"/>
        <family val="1"/>
        <charset val="128"/>
      </rPr>
      <t>ユウハン</t>
    </r>
    <r>
      <rPr>
        <sz val="14"/>
        <rFont val="HGP教科書体"/>
        <family val="1"/>
        <charset val="128"/>
      </rPr>
      <t>はわたしが作る。</t>
    </r>
    <rPh sb="9" eb="10">
      <t>ツク</t>
    </rPh>
    <phoneticPr fontId="1"/>
  </si>
  <si>
    <r>
      <rPr>
        <b/>
        <u/>
        <sz val="14"/>
        <rFont val="HGP教科書体"/>
        <family val="1"/>
        <charset val="128"/>
      </rPr>
      <t>シュウマツ</t>
    </r>
    <r>
      <rPr>
        <sz val="14"/>
        <rFont val="HGP教科書体"/>
        <family val="1"/>
        <charset val="128"/>
      </rPr>
      <t>に旅行する。</t>
    </r>
    <rPh sb="6" eb="8">
      <t>リョコウ</t>
    </rPh>
    <phoneticPr fontId="1"/>
  </si>
  <si>
    <r>
      <rPr>
        <b/>
        <u/>
        <sz val="14"/>
        <rFont val="HGP教科書体"/>
        <family val="1"/>
        <charset val="128"/>
      </rPr>
      <t>週末</t>
    </r>
    <r>
      <rPr>
        <sz val="14"/>
        <rFont val="HGP教科書体"/>
        <family val="1"/>
        <charset val="128"/>
      </rPr>
      <t>に旅行する。</t>
    </r>
    <rPh sb="0" eb="2">
      <t>シュウマツ</t>
    </rPh>
    <rPh sb="3" eb="5">
      <t>リョコウ</t>
    </rPh>
    <phoneticPr fontId="1"/>
  </si>
  <si>
    <r>
      <rPr>
        <b/>
        <u/>
        <sz val="14"/>
        <rFont val="HGP教科書体"/>
        <family val="1"/>
        <charset val="128"/>
      </rPr>
      <t>給食</t>
    </r>
    <r>
      <rPr>
        <sz val="14"/>
        <rFont val="HGP教科書体"/>
        <family val="1"/>
        <charset val="128"/>
      </rPr>
      <t>はカレーだ。</t>
    </r>
    <rPh sb="0" eb="2">
      <t>キュウショク</t>
    </rPh>
    <phoneticPr fontId="1"/>
  </si>
  <si>
    <r>
      <t>姉と言い</t>
    </r>
    <r>
      <rPr>
        <b/>
        <u/>
        <sz val="14"/>
        <rFont val="HGP教科書体"/>
        <family val="1"/>
        <charset val="128"/>
      </rPr>
      <t>争</t>
    </r>
    <r>
      <rPr>
        <sz val="14"/>
        <rFont val="HGP教科書体"/>
        <family val="1"/>
        <charset val="128"/>
      </rPr>
      <t>う。</t>
    </r>
    <rPh sb="0" eb="1">
      <t>アネ</t>
    </rPh>
    <rPh sb="2" eb="3">
      <t>イ</t>
    </rPh>
    <rPh sb="4" eb="5">
      <t>アラソ</t>
    </rPh>
    <phoneticPr fontId="1"/>
  </si>
  <si>
    <r>
      <rPr>
        <b/>
        <u/>
        <sz val="14"/>
        <rFont val="HGP教科書体"/>
        <family val="1"/>
        <charset val="128"/>
      </rPr>
      <t>夕飯</t>
    </r>
    <r>
      <rPr>
        <sz val="14"/>
        <rFont val="HGP教科書体"/>
        <family val="1"/>
        <charset val="128"/>
      </rPr>
      <t>はわたしが作る。</t>
    </r>
    <rPh sb="0" eb="2">
      <t>ユウハン</t>
    </rPh>
    <rPh sb="7" eb="8">
      <t>ツク</t>
    </rPh>
    <phoneticPr fontId="1"/>
  </si>
  <si>
    <r>
      <rPr>
        <b/>
        <u/>
        <sz val="14"/>
        <rFont val="HGP教科書体"/>
        <family val="1"/>
        <charset val="128"/>
      </rPr>
      <t>沖縄</t>
    </r>
    <r>
      <rPr>
        <sz val="14"/>
        <rFont val="HGP教科書体"/>
        <family val="1"/>
        <charset val="128"/>
      </rPr>
      <t>県のきれいな海。</t>
    </r>
    <rPh sb="0" eb="2">
      <t>オキナワ</t>
    </rPh>
    <rPh sb="2" eb="3">
      <t>ケン</t>
    </rPh>
    <rPh sb="8" eb="9">
      <t>ウミ</t>
    </rPh>
    <phoneticPr fontId="2"/>
  </si>
  <si>
    <r>
      <rPr>
        <b/>
        <u/>
        <sz val="14"/>
        <rFont val="HGP教科書体"/>
        <family val="1"/>
        <charset val="128"/>
      </rPr>
      <t>オキナワ</t>
    </r>
    <r>
      <rPr>
        <sz val="14"/>
        <rFont val="HGP教科書体"/>
        <family val="1"/>
        <charset val="128"/>
      </rPr>
      <t>県のきれいな海。</t>
    </r>
    <rPh sb="4" eb="5">
      <t>ケン</t>
    </rPh>
    <rPh sb="10" eb="11">
      <t>ウミ</t>
    </rPh>
    <phoneticPr fontId="2"/>
  </si>
  <si>
    <r>
      <rPr>
        <b/>
        <u/>
        <sz val="14"/>
        <rFont val="HGP教科書体"/>
        <family val="1"/>
        <charset val="128"/>
      </rPr>
      <t>キュウジン</t>
    </r>
    <r>
      <rPr>
        <sz val="14"/>
        <rFont val="HGP教科書体"/>
        <family val="1"/>
        <charset val="128"/>
      </rPr>
      <t>サイトを見る。</t>
    </r>
    <rPh sb="9" eb="10">
      <t>ミ</t>
    </rPh>
    <phoneticPr fontId="1"/>
  </si>
  <si>
    <r>
      <rPr>
        <b/>
        <u/>
        <sz val="14"/>
        <rFont val="HGP教科書体"/>
        <family val="1"/>
        <charset val="128"/>
      </rPr>
      <t>求人</t>
    </r>
    <r>
      <rPr>
        <sz val="14"/>
        <rFont val="HGP教科書体"/>
        <family val="1"/>
        <charset val="128"/>
      </rPr>
      <t>サイトを見る。</t>
    </r>
    <rPh sb="0" eb="2">
      <t>キュウジン</t>
    </rPh>
    <rPh sb="6" eb="7">
      <t>ミ</t>
    </rPh>
    <phoneticPr fontId="1"/>
  </si>
  <si>
    <r>
      <t>オリーブが特産の</t>
    </r>
    <r>
      <rPr>
        <b/>
        <u/>
        <sz val="14"/>
        <rFont val="HGP教科書体"/>
        <family val="1"/>
        <charset val="128"/>
      </rPr>
      <t>香川</t>
    </r>
    <r>
      <rPr>
        <sz val="14"/>
        <rFont val="HGP教科書体"/>
        <family val="1"/>
        <charset val="128"/>
      </rPr>
      <t>県。</t>
    </r>
    <rPh sb="5" eb="7">
      <t>トクサン</t>
    </rPh>
    <rPh sb="8" eb="11">
      <t>カガワケン</t>
    </rPh>
    <phoneticPr fontId="1"/>
  </si>
  <si>
    <r>
      <t>オリーブが特産の</t>
    </r>
    <r>
      <rPr>
        <b/>
        <u/>
        <sz val="14"/>
        <rFont val="HGP教科書体"/>
        <family val="1"/>
        <charset val="128"/>
      </rPr>
      <t>カガワ</t>
    </r>
    <r>
      <rPr>
        <sz val="14"/>
        <rFont val="HGP教科書体"/>
        <family val="1"/>
        <charset val="128"/>
      </rPr>
      <t>県。</t>
    </r>
    <rPh sb="5" eb="7">
      <t>トクサン</t>
    </rPh>
    <rPh sb="11" eb="12">
      <t>ケン</t>
    </rPh>
    <phoneticPr fontId="1"/>
  </si>
  <si>
    <r>
      <t>つるの形に似た</t>
    </r>
    <r>
      <rPr>
        <b/>
        <u/>
        <sz val="14"/>
        <rFont val="HGP教科書体"/>
        <family val="1"/>
        <charset val="128"/>
      </rPr>
      <t>グンマ</t>
    </r>
    <r>
      <rPr>
        <sz val="14"/>
        <rFont val="HGP教科書体"/>
        <family val="1"/>
        <charset val="128"/>
      </rPr>
      <t>県。</t>
    </r>
    <rPh sb="3" eb="4">
      <t>カタチ</t>
    </rPh>
    <rPh sb="5" eb="6">
      <t>ニ</t>
    </rPh>
    <rPh sb="10" eb="11">
      <t>ケン</t>
    </rPh>
    <phoneticPr fontId="1"/>
  </si>
  <si>
    <r>
      <t>つるの形に似た</t>
    </r>
    <r>
      <rPr>
        <b/>
        <u/>
        <sz val="14"/>
        <rFont val="HGP教科書体"/>
        <family val="1"/>
        <charset val="128"/>
      </rPr>
      <t>群馬</t>
    </r>
    <r>
      <rPr>
        <sz val="14"/>
        <rFont val="HGP教科書体"/>
        <family val="1"/>
        <charset val="128"/>
      </rPr>
      <t>県。</t>
    </r>
    <rPh sb="3" eb="4">
      <t>カタチ</t>
    </rPh>
    <rPh sb="5" eb="6">
      <t>ニ</t>
    </rPh>
    <rPh sb="7" eb="10">
      <t>グンマケン</t>
    </rPh>
    <phoneticPr fontId="1"/>
  </si>
  <si>
    <r>
      <t>日本海に面した</t>
    </r>
    <r>
      <rPr>
        <b/>
        <u/>
        <sz val="14"/>
        <rFont val="HGP教科書体"/>
        <family val="1"/>
        <charset val="128"/>
      </rPr>
      <t>ニイガタ</t>
    </r>
    <r>
      <rPr>
        <sz val="14"/>
        <rFont val="HGP教科書体"/>
        <family val="1"/>
        <charset val="128"/>
      </rPr>
      <t>県。</t>
    </r>
    <rPh sb="0" eb="2">
      <t>ニホン</t>
    </rPh>
    <rPh sb="2" eb="3">
      <t>カイ</t>
    </rPh>
    <rPh sb="4" eb="5">
      <t>メン</t>
    </rPh>
    <rPh sb="11" eb="12">
      <t>ケン</t>
    </rPh>
    <phoneticPr fontId="1"/>
  </si>
  <si>
    <r>
      <t>日本海に面した</t>
    </r>
    <r>
      <rPr>
        <b/>
        <u/>
        <sz val="14"/>
        <rFont val="HGP教科書体"/>
        <family val="1"/>
        <charset val="128"/>
      </rPr>
      <t>新潟</t>
    </r>
    <r>
      <rPr>
        <sz val="14"/>
        <rFont val="HGP教科書体"/>
        <family val="1"/>
        <charset val="128"/>
      </rPr>
      <t>県。</t>
    </r>
    <rPh sb="0" eb="2">
      <t>ニホン</t>
    </rPh>
    <rPh sb="2" eb="3">
      <t>カイ</t>
    </rPh>
    <rPh sb="4" eb="5">
      <t>メン</t>
    </rPh>
    <rPh sb="7" eb="10">
      <t>ニイガタケン</t>
    </rPh>
    <phoneticPr fontId="1"/>
  </si>
  <si>
    <r>
      <t>深谷ねぎが有名な</t>
    </r>
    <r>
      <rPr>
        <b/>
        <u/>
        <sz val="14"/>
        <rFont val="HGP教科書体"/>
        <family val="1"/>
        <charset val="128"/>
      </rPr>
      <t>サイタマ</t>
    </r>
    <r>
      <rPr>
        <sz val="14"/>
        <rFont val="HGP教科書体"/>
        <family val="1"/>
        <charset val="128"/>
      </rPr>
      <t>県。</t>
    </r>
    <rPh sb="0" eb="2">
      <t>フカヤ</t>
    </rPh>
    <rPh sb="5" eb="7">
      <t>ユウメイ</t>
    </rPh>
    <rPh sb="12" eb="13">
      <t>ケン</t>
    </rPh>
    <phoneticPr fontId="1"/>
  </si>
  <si>
    <r>
      <t>深谷ねぎが有名な</t>
    </r>
    <r>
      <rPr>
        <b/>
        <u/>
        <sz val="14"/>
        <rFont val="HGP教科書体"/>
        <family val="1"/>
        <charset val="128"/>
      </rPr>
      <t>埼玉</t>
    </r>
    <r>
      <rPr>
        <sz val="14"/>
        <rFont val="HGP教科書体"/>
        <family val="1"/>
        <charset val="128"/>
      </rPr>
      <t>県。</t>
    </r>
    <rPh sb="0" eb="2">
      <t>フカヤ</t>
    </rPh>
    <rPh sb="5" eb="7">
      <t>ユウメイ</t>
    </rPh>
    <rPh sb="8" eb="11">
      <t>サイタマケン</t>
    </rPh>
    <phoneticPr fontId="1"/>
  </si>
  <si>
    <r>
      <rPr>
        <b/>
        <u/>
        <sz val="14"/>
        <rFont val="HGP教科書体"/>
        <family val="1"/>
        <charset val="128"/>
      </rPr>
      <t>イバラキ</t>
    </r>
    <r>
      <rPr>
        <sz val="14"/>
        <rFont val="HGP教科書体"/>
        <family val="1"/>
        <charset val="128"/>
      </rPr>
      <t>県で牛久大仏を見る。</t>
    </r>
    <rPh sb="4" eb="5">
      <t>ケン</t>
    </rPh>
    <rPh sb="6" eb="8">
      <t>ウシク</t>
    </rPh>
    <rPh sb="8" eb="10">
      <t>ダイブツ</t>
    </rPh>
    <rPh sb="11" eb="12">
      <t>ミ</t>
    </rPh>
    <phoneticPr fontId="1"/>
  </si>
  <si>
    <r>
      <rPr>
        <b/>
        <u/>
        <sz val="14"/>
        <rFont val="HGP教科書体"/>
        <family val="1"/>
        <charset val="128"/>
      </rPr>
      <t>茨城</t>
    </r>
    <r>
      <rPr>
        <sz val="14"/>
        <rFont val="HGP教科書体"/>
        <family val="1"/>
        <charset val="128"/>
      </rPr>
      <t>県で牛久大仏を見る。</t>
    </r>
    <rPh sb="0" eb="3">
      <t>イバラキケン</t>
    </rPh>
    <rPh sb="4" eb="6">
      <t>ウシク</t>
    </rPh>
    <rPh sb="6" eb="8">
      <t>ダイブツ</t>
    </rPh>
    <rPh sb="9" eb="10">
      <t>ミ</t>
    </rPh>
    <phoneticPr fontId="1"/>
  </si>
  <si>
    <r>
      <t>雲海がきれいな</t>
    </r>
    <r>
      <rPr>
        <b/>
        <u/>
        <sz val="14"/>
        <rFont val="HGP教科書体"/>
        <family val="1"/>
        <charset val="128"/>
      </rPr>
      <t>フクイ</t>
    </r>
    <r>
      <rPr>
        <sz val="14"/>
        <rFont val="HGP教科書体"/>
        <family val="1"/>
        <charset val="128"/>
      </rPr>
      <t>県。</t>
    </r>
    <rPh sb="0" eb="2">
      <t>ウンカイ</t>
    </rPh>
    <rPh sb="10" eb="11">
      <t>ケン</t>
    </rPh>
    <phoneticPr fontId="1"/>
  </si>
  <si>
    <r>
      <t>雲海がきれいな</t>
    </r>
    <r>
      <rPr>
        <b/>
        <u/>
        <sz val="14"/>
        <rFont val="HGP教科書体"/>
        <family val="1"/>
        <charset val="128"/>
      </rPr>
      <t>福井</t>
    </r>
    <r>
      <rPr>
        <sz val="14"/>
        <rFont val="HGP教科書体"/>
        <family val="1"/>
        <charset val="128"/>
      </rPr>
      <t>県。</t>
    </r>
    <rPh sb="0" eb="2">
      <t>ウンカイ</t>
    </rPh>
    <rPh sb="7" eb="9">
      <t>フクイ</t>
    </rPh>
    <rPh sb="9" eb="10">
      <t>ケン</t>
    </rPh>
    <phoneticPr fontId="1"/>
  </si>
  <si>
    <r>
      <rPr>
        <b/>
        <u/>
        <sz val="14"/>
        <rFont val="HGP教科書体"/>
        <family val="1"/>
        <charset val="128"/>
      </rPr>
      <t>副議長</t>
    </r>
    <r>
      <rPr>
        <sz val="14"/>
        <rFont val="HGP教科書体"/>
        <family val="1"/>
        <charset val="128"/>
      </rPr>
      <t>を決める。</t>
    </r>
    <rPh sb="0" eb="3">
      <t>フクギチョウ</t>
    </rPh>
    <rPh sb="4" eb="5">
      <t>キ</t>
    </rPh>
    <phoneticPr fontId="1"/>
  </si>
  <si>
    <r>
      <rPr>
        <b/>
        <u/>
        <sz val="14"/>
        <rFont val="HGP教科書体"/>
        <family val="1"/>
        <charset val="128"/>
      </rPr>
      <t>フクギチョウ</t>
    </r>
    <r>
      <rPr>
        <sz val="14"/>
        <rFont val="HGP教科書体"/>
        <family val="1"/>
        <charset val="128"/>
      </rPr>
      <t>を決める。</t>
    </r>
    <rPh sb="7" eb="8">
      <t>キ</t>
    </rPh>
    <phoneticPr fontId="1"/>
  </si>
  <si>
    <r>
      <rPr>
        <b/>
        <u/>
        <sz val="14"/>
        <rFont val="HGP教科書体"/>
        <family val="1"/>
        <charset val="128"/>
      </rPr>
      <t>トヤマ</t>
    </r>
    <r>
      <rPr>
        <sz val="14"/>
        <rFont val="HGP教科書体"/>
        <family val="1"/>
        <charset val="128"/>
      </rPr>
      <t>県のブラックラーメン。</t>
    </r>
    <rPh sb="3" eb="4">
      <t>ケン</t>
    </rPh>
    <phoneticPr fontId="1"/>
  </si>
  <si>
    <r>
      <rPr>
        <b/>
        <u/>
        <sz val="14"/>
        <rFont val="HGP教科書体"/>
        <family val="1"/>
        <charset val="128"/>
      </rPr>
      <t>富山</t>
    </r>
    <r>
      <rPr>
        <sz val="14"/>
        <rFont val="HGP教科書体"/>
        <family val="1"/>
        <charset val="128"/>
      </rPr>
      <t>県のブラックラーメン。</t>
    </r>
    <rPh sb="0" eb="2">
      <t>トヤマ</t>
    </rPh>
    <rPh sb="2" eb="3">
      <t>ケン</t>
    </rPh>
    <phoneticPr fontId="1"/>
  </si>
  <si>
    <r>
      <t>縄文杉で有名な</t>
    </r>
    <r>
      <rPr>
        <b/>
        <u/>
        <sz val="14"/>
        <rFont val="HGP教科書体"/>
        <family val="1"/>
        <charset val="128"/>
      </rPr>
      <t>カゴシマ</t>
    </r>
    <r>
      <rPr>
        <sz val="14"/>
        <rFont val="HGP教科書体"/>
        <family val="1"/>
        <charset val="128"/>
      </rPr>
      <t>県。</t>
    </r>
    <rPh sb="0" eb="2">
      <t>ジョウモン</t>
    </rPh>
    <rPh sb="2" eb="3">
      <t>スギ</t>
    </rPh>
    <rPh sb="4" eb="6">
      <t>ユウメイ</t>
    </rPh>
    <rPh sb="11" eb="12">
      <t>ケン</t>
    </rPh>
    <phoneticPr fontId="1"/>
  </si>
  <si>
    <r>
      <t>縄文杉で有名な</t>
    </r>
    <r>
      <rPr>
        <b/>
        <u/>
        <sz val="14"/>
        <rFont val="HGP教科書体"/>
        <family val="1"/>
        <charset val="128"/>
      </rPr>
      <t>鹿児島</t>
    </r>
    <r>
      <rPr>
        <sz val="14"/>
        <rFont val="HGP教科書体"/>
        <family val="1"/>
        <charset val="128"/>
      </rPr>
      <t>県。</t>
    </r>
    <rPh sb="0" eb="2">
      <t>ジョウモン</t>
    </rPh>
    <rPh sb="2" eb="3">
      <t>スギ</t>
    </rPh>
    <rPh sb="4" eb="6">
      <t>ユウメイ</t>
    </rPh>
    <rPh sb="7" eb="10">
      <t>カゴシマ</t>
    </rPh>
    <rPh sb="10" eb="11">
      <t>ケン</t>
    </rPh>
    <phoneticPr fontId="1"/>
  </si>
  <si>
    <r>
      <t>体重を</t>
    </r>
    <r>
      <rPr>
        <b/>
        <u/>
        <sz val="14"/>
        <rFont val="HGP教科書体"/>
        <family val="1"/>
        <charset val="128"/>
      </rPr>
      <t>ハカ</t>
    </r>
    <r>
      <rPr>
        <sz val="14"/>
        <rFont val="HGP教科書体"/>
        <family val="1"/>
        <charset val="128"/>
      </rPr>
      <t>る。</t>
    </r>
    <rPh sb="0" eb="2">
      <t>タイジュウ</t>
    </rPh>
    <phoneticPr fontId="2"/>
  </si>
  <si>
    <r>
      <rPr>
        <b/>
        <u/>
        <sz val="14"/>
        <rFont val="HGP教科書体"/>
        <family val="1"/>
        <charset val="128"/>
      </rPr>
      <t>タツジン</t>
    </r>
    <r>
      <rPr>
        <sz val="14"/>
        <rFont val="HGP教科書体"/>
        <family val="1"/>
        <charset val="128"/>
      </rPr>
      <t>から学ぶ。</t>
    </r>
    <rPh sb="6" eb="7">
      <t>マナ</t>
    </rPh>
    <phoneticPr fontId="2"/>
  </si>
  <si>
    <r>
      <rPr>
        <b/>
        <u/>
        <sz val="14"/>
        <rFont val="HGP教科書体"/>
        <family val="1"/>
        <charset val="128"/>
      </rPr>
      <t>達人</t>
    </r>
    <r>
      <rPr>
        <sz val="14"/>
        <rFont val="HGP教科書体"/>
        <family val="1"/>
        <charset val="128"/>
      </rPr>
      <t>から学ぶ。</t>
    </r>
    <rPh sb="0" eb="2">
      <t>タツジン</t>
    </rPh>
    <rPh sb="4" eb="5">
      <t>マナ</t>
    </rPh>
    <phoneticPr fontId="2"/>
  </si>
  <si>
    <r>
      <t>体重を</t>
    </r>
    <r>
      <rPr>
        <b/>
        <u/>
        <sz val="14"/>
        <rFont val="HGP教科書体"/>
        <family val="1"/>
        <charset val="128"/>
      </rPr>
      <t>量</t>
    </r>
    <r>
      <rPr>
        <sz val="14"/>
        <rFont val="HGP教科書体"/>
        <family val="1"/>
        <charset val="128"/>
      </rPr>
      <t>る。</t>
    </r>
    <rPh sb="0" eb="2">
      <t>タイジュウ</t>
    </rPh>
    <rPh sb="3" eb="4">
      <t>ハカ</t>
    </rPh>
    <phoneticPr fontId="2"/>
  </si>
  <si>
    <r>
      <t>いなかで</t>
    </r>
    <r>
      <rPr>
        <b/>
        <u/>
        <sz val="14"/>
        <rFont val="HGP教科書体"/>
        <family val="1"/>
        <charset val="128"/>
      </rPr>
      <t>農夫</t>
    </r>
    <r>
      <rPr>
        <sz val="14"/>
        <rFont val="HGP教科書体"/>
        <family val="1"/>
        <charset val="128"/>
      </rPr>
      <t>として働く。</t>
    </r>
    <rPh sb="4" eb="6">
      <t>ノウフ</t>
    </rPh>
    <rPh sb="9" eb="10">
      <t>ハタラ</t>
    </rPh>
    <phoneticPr fontId="1"/>
  </si>
  <si>
    <r>
      <rPr>
        <b/>
        <u/>
        <sz val="14"/>
        <rFont val="HGP教科書体"/>
        <family val="1"/>
        <charset val="128"/>
      </rPr>
      <t>名案</t>
    </r>
    <r>
      <rPr>
        <sz val="14"/>
        <rFont val="HGP教科書体"/>
        <family val="1"/>
        <charset val="128"/>
      </rPr>
      <t>がうかぶ。</t>
    </r>
    <rPh sb="0" eb="2">
      <t>めいあん</t>
    </rPh>
    <phoneticPr fontId="3" type="Hiragana"/>
  </si>
  <si>
    <r>
      <rPr>
        <b/>
        <u/>
        <sz val="14"/>
        <rFont val="HGP教科書体"/>
        <family val="1"/>
        <charset val="128"/>
      </rPr>
      <t>メイアン</t>
    </r>
    <r>
      <rPr>
        <sz val="14"/>
        <rFont val="HGP教科書体"/>
        <family val="1"/>
        <charset val="128"/>
      </rPr>
      <t>がうかぶ。</t>
    </r>
    <phoneticPr fontId="3" type="Hiragana"/>
  </si>
  <si>
    <r>
      <rPr>
        <b/>
        <u/>
        <sz val="14"/>
        <rFont val="HGP教科書体"/>
        <family val="1"/>
        <charset val="128"/>
      </rPr>
      <t>底辺</t>
    </r>
    <r>
      <rPr>
        <sz val="14"/>
        <rFont val="HGP教科書体"/>
        <family val="1"/>
        <charset val="128"/>
      </rPr>
      <t>と高さ。</t>
    </r>
    <rPh sb="0" eb="2">
      <t>テイヘン</t>
    </rPh>
    <phoneticPr fontId="1"/>
  </si>
  <si>
    <r>
      <rPr>
        <b/>
        <u/>
        <sz val="14"/>
        <rFont val="HGP教科書体"/>
        <family val="1"/>
        <charset val="128"/>
      </rPr>
      <t>テイヘン</t>
    </r>
    <r>
      <rPr>
        <sz val="14"/>
        <rFont val="HGP教科書体"/>
        <family val="1"/>
        <charset val="128"/>
      </rPr>
      <t>と高さ。</t>
    </r>
    <phoneticPr fontId="1"/>
  </si>
  <si>
    <r>
      <t>ヒーローに</t>
    </r>
    <r>
      <rPr>
        <b/>
        <u/>
        <sz val="14"/>
        <rFont val="HGP教科書体"/>
        <family val="1"/>
        <charset val="128"/>
      </rPr>
      <t>変身</t>
    </r>
    <r>
      <rPr>
        <sz val="14"/>
        <rFont val="HGP教科書体"/>
        <family val="1"/>
        <charset val="128"/>
      </rPr>
      <t>する。</t>
    </r>
    <rPh sb="5" eb="7">
      <t>ヘンシン</t>
    </rPh>
    <phoneticPr fontId="1"/>
  </si>
  <si>
    <r>
      <t>お茶が</t>
    </r>
    <r>
      <rPr>
        <b/>
        <u/>
        <sz val="14"/>
        <rFont val="HGP教科書体"/>
        <family val="1"/>
        <charset val="128"/>
      </rPr>
      <t>サ</t>
    </r>
    <r>
      <rPr>
        <sz val="14"/>
        <rFont val="HGP教科書体"/>
        <family val="1"/>
        <charset val="128"/>
      </rPr>
      <t>める。</t>
    </r>
    <rPh sb="1" eb="2">
      <t>チャ</t>
    </rPh>
    <phoneticPr fontId="1"/>
  </si>
  <si>
    <r>
      <t>お茶が</t>
    </r>
    <r>
      <rPr>
        <b/>
        <u/>
        <sz val="14"/>
        <rFont val="HGP教科書体"/>
        <family val="1"/>
        <charset val="128"/>
      </rPr>
      <t>冷</t>
    </r>
    <r>
      <rPr>
        <sz val="14"/>
        <rFont val="HGP教科書体"/>
        <family val="1"/>
        <charset val="128"/>
      </rPr>
      <t>める。</t>
    </r>
    <rPh sb="1" eb="2">
      <t>チャ</t>
    </rPh>
    <rPh sb="3" eb="4">
      <t>サ</t>
    </rPh>
    <phoneticPr fontId="1"/>
  </si>
  <si>
    <r>
      <t>千葉県いんば</t>
    </r>
    <r>
      <rPr>
        <b/>
        <u/>
        <sz val="14"/>
        <rFont val="HGP教科書体"/>
        <family val="1"/>
        <charset val="128"/>
      </rPr>
      <t>グン</t>
    </r>
    <r>
      <rPr>
        <sz val="14"/>
        <rFont val="HGP教科書体"/>
        <family val="1"/>
        <charset val="128"/>
      </rPr>
      <t>。</t>
    </r>
    <rPh sb="0" eb="3">
      <t>チバケン</t>
    </rPh>
    <phoneticPr fontId="1"/>
  </si>
  <si>
    <r>
      <t>千葉県いんば</t>
    </r>
    <r>
      <rPr>
        <b/>
        <u/>
        <sz val="14"/>
        <rFont val="HGP教科書体"/>
        <family val="1"/>
        <charset val="128"/>
      </rPr>
      <t>郡</t>
    </r>
    <r>
      <rPr>
        <sz val="14"/>
        <rFont val="HGP教科書体"/>
        <family val="1"/>
        <charset val="128"/>
      </rPr>
      <t>。</t>
    </r>
    <rPh sb="0" eb="3">
      <t>チバケン</t>
    </rPh>
    <rPh sb="6" eb="7">
      <t>グン</t>
    </rPh>
    <phoneticPr fontId="1"/>
  </si>
  <si>
    <r>
      <rPr>
        <b/>
        <u/>
        <sz val="14"/>
        <rFont val="HGP教科書体"/>
        <family val="1"/>
        <charset val="128"/>
      </rPr>
      <t>失敗</t>
    </r>
    <r>
      <rPr>
        <sz val="14"/>
        <rFont val="HGP教科書体"/>
        <family val="1"/>
        <charset val="128"/>
      </rPr>
      <t>から学ぶ。</t>
    </r>
    <rPh sb="0" eb="2">
      <t>シッパイ</t>
    </rPh>
    <rPh sb="4" eb="5">
      <t>マナ</t>
    </rPh>
    <phoneticPr fontId="1"/>
  </si>
  <si>
    <r>
      <rPr>
        <b/>
        <u/>
        <sz val="14"/>
        <rFont val="HGP教科書体"/>
        <family val="1"/>
        <charset val="128"/>
      </rPr>
      <t>シッパイ</t>
    </r>
    <r>
      <rPr>
        <sz val="14"/>
        <rFont val="HGP教科書体"/>
        <family val="1"/>
        <charset val="128"/>
      </rPr>
      <t>から学ぶ。</t>
    </r>
    <rPh sb="6" eb="7">
      <t>マナ</t>
    </rPh>
    <phoneticPr fontId="1"/>
  </si>
  <si>
    <r>
      <rPr>
        <b/>
        <u/>
        <sz val="14"/>
        <rFont val="HGP教科書体"/>
        <family val="1"/>
        <charset val="128"/>
      </rPr>
      <t>灯台</t>
    </r>
    <r>
      <rPr>
        <sz val="14"/>
        <rFont val="HGP教科書体"/>
        <family val="1"/>
        <charset val="128"/>
      </rPr>
      <t>のあかり。</t>
    </r>
    <rPh sb="0" eb="2">
      <t>トウダイ</t>
    </rPh>
    <phoneticPr fontId="1"/>
  </si>
  <si>
    <r>
      <rPr>
        <b/>
        <u/>
        <sz val="14"/>
        <rFont val="HGP教科書体"/>
        <family val="1"/>
        <charset val="128"/>
      </rPr>
      <t>トウダイ</t>
    </r>
    <r>
      <rPr>
        <sz val="14"/>
        <rFont val="HGP教科書体"/>
        <family val="1"/>
        <charset val="128"/>
      </rPr>
      <t>のあかり。</t>
    </r>
    <phoneticPr fontId="1"/>
  </si>
  <si>
    <r>
      <rPr>
        <b/>
        <u/>
        <sz val="14"/>
        <rFont val="HGP教科書体"/>
        <family val="1"/>
        <charset val="128"/>
      </rPr>
      <t>海水浴</t>
    </r>
    <r>
      <rPr>
        <sz val="14"/>
        <rFont val="HGP教科書体"/>
        <family val="1"/>
        <charset val="128"/>
      </rPr>
      <t>へ行く。</t>
    </r>
    <rPh sb="0" eb="3">
      <t>カイスイヨク</t>
    </rPh>
    <rPh sb="4" eb="5">
      <t>イ</t>
    </rPh>
    <phoneticPr fontId="1"/>
  </si>
  <si>
    <r>
      <rPr>
        <b/>
        <u/>
        <sz val="14"/>
        <rFont val="HGP教科書体"/>
        <family val="1"/>
        <charset val="128"/>
      </rPr>
      <t>カイスイヨク</t>
    </r>
    <r>
      <rPr>
        <sz val="14"/>
        <rFont val="HGP教科書体"/>
        <family val="1"/>
        <charset val="128"/>
      </rPr>
      <t>へ行く。</t>
    </r>
    <rPh sb="7" eb="8">
      <t>イ</t>
    </rPh>
    <phoneticPr fontId="1"/>
  </si>
  <si>
    <r>
      <t>きまりが</t>
    </r>
    <r>
      <rPr>
        <b/>
        <u/>
        <sz val="14"/>
        <rFont val="HGP教科書体"/>
        <family val="1"/>
        <charset val="128"/>
      </rPr>
      <t>成</t>
    </r>
    <r>
      <rPr>
        <sz val="14"/>
        <rFont val="HGP教科書体"/>
        <family val="1"/>
        <charset val="128"/>
      </rPr>
      <t>立する。</t>
    </r>
    <rPh sb="4" eb="6">
      <t>せいりつ</t>
    </rPh>
    <phoneticPr fontId="3" type="Hiragana"/>
  </si>
  <si>
    <r>
      <t>きまりが</t>
    </r>
    <r>
      <rPr>
        <b/>
        <u/>
        <sz val="14"/>
        <rFont val="HGP教科書体"/>
        <family val="1"/>
        <charset val="128"/>
      </rPr>
      <t>セイ</t>
    </r>
    <r>
      <rPr>
        <sz val="14"/>
        <rFont val="HGP教科書体"/>
        <family val="1"/>
        <charset val="128"/>
      </rPr>
      <t>立する。</t>
    </r>
    <rPh sb="6" eb="7">
      <t>た</t>
    </rPh>
    <phoneticPr fontId="3" type="Hiragana"/>
  </si>
  <si>
    <r>
      <rPr>
        <b/>
        <u/>
        <sz val="14"/>
        <rFont val="HGP教科書体"/>
        <family val="1"/>
        <charset val="128"/>
      </rPr>
      <t>熊本</t>
    </r>
    <r>
      <rPr>
        <sz val="14"/>
        <rFont val="HGP教科書体"/>
        <family val="1"/>
        <charset val="128"/>
      </rPr>
      <t>県のあそ山。</t>
    </r>
    <rPh sb="0" eb="3">
      <t>クマモトケン</t>
    </rPh>
    <rPh sb="6" eb="7">
      <t>ヤマ</t>
    </rPh>
    <phoneticPr fontId="2"/>
  </si>
  <si>
    <r>
      <rPr>
        <b/>
        <u/>
        <sz val="14"/>
        <rFont val="HGP教科書体"/>
        <family val="1"/>
        <charset val="128"/>
      </rPr>
      <t>徳島</t>
    </r>
    <r>
      <rPr>
        <sz val="14"/>
        <rFont val="HGP教科書体"/>
        <family val="1"/>
        <charset val="128"/>
      </rPr>
      <t>県のあわおどり。</t>
    </r>
    <rPh sb="0" eb="3">
      <t>トクシマケン</t>
    </rPh>
    <phoneticPr fontId="2"/>
  </si>
  <si>
    <r>
      <t>岡山</t>
    </r>
    <r>
      <rPr>
        <sz val="14"/>
        <rFont val="HGP教科書体"/>
        <family val="1"/>
        <charset val="128"/>
      </rPr>
      <t>県と言えばもも太郎。</t>
    </r>
    <rPh sb="0" eb="3">
      <t>オカヤマケン</t>
    </rPh>
    <rPh sb="4" eb="5">
      <t>イ</t>
    </rPh>
    <rPh sb="9" eb="11">
      <t>タロウ</t>
    </rPh>
    <phoneticPr fontId="1"/>
  </si>
  <si>
    <r>
      <t>世界いさんのある</t>
    </r>
    <r>
      <rPr>
        <b/>
        <u/>
        <sz val="14"/>
        <rFont val="HGP教科書体"/>
        <family val="1"/>
        <charset val="128"/>
      </rPr>
      <t>岐阜</t>
    </r>
    <r>
      <rPr>
        <sz val="14"/>
        <rFont val="HGP教科書体"/>
        <family val="1"/>
        <charset val="128"/>
      </rPr>
      <t>県。</t>
    </r>
    <rPh sb="0" eb="2">
      <t>セカイ</t>
    </rPh>
    <rPh sb="8" eb="11">
      <t>ギフケン</t>
    </rPh>
    <phoneticPr fontId="1"/>
  </si>
  <si>
    <r>
      <rPr>
        <sz val="14"/>
        <rFont val="HGP教科書体"/>
        <family val="1"/>
        <charset val="128"/>
      </rPr>
      <t>昔の都は</t>
    </r>
    <r>
      <rPr>
        <b/>
        <u/>
        <sz val="14"/>
        <rFont val="HGP教科書体"/>
        <family val="1"/>
        <charset val="128"/>
      </rPr>
      <t>奈良</t>
    </r>
    <r>
      <rPr>
        <sz val="14"/>
        <rFont val="HGP教科書体"/>
        <family val="1"/>
        <charset val="128"/>
      </rPr>
      <t>県。</t>
    </r>
    <rPh sb="0" eb="1">
      <t>ムカシ</t>
    </rPh>
    <rPh sb="2" eb="3">
      <t>ミヤコ</t>
    </rPh>
    <rPh sb="4" eb="6">
      <t>ナラ</t>
    </rPh>
    <rPh sb="6" eb="7">
      <t>ケン</t>
    </rPh>
    <phoneticPr fontId="1"/>
  </si>
  <si>
    <r>
      <t>タオルで有名な</t>
    </r>
    <r>
      <rPr>
        <b/>
        <u/>
        <sz val="14"/>
        <rFont val="HGP教科書体"/>
        <family val="1"/>
        <charset val="128"/>
      </rPr>
      <t>愛媛</t>
    </r>
    <r>
      <rPr>
        <sz val="14"/>
        <rFont val="HGP教科書体"/>
        <family val="1"/>
        <charset val="128"/>
      </rPr>
      <t>県。</t>
    </r>
    <rPh sb="4" eb="6">
      <t>ユウメイ</t>
    </rPh>
    <rPh sb="7" eb="10">
      <t>エヒメケン</t>
    </rPh>
    <phoneticPr fontId="1"/>
  </si>
  <si>
    <r>
      <t>USJは</t>
    </r>
    <r>
      <rPr>
        <b/>
        <u/>
        <sz val="14"/>
        <rFont val="HGP教科書体"/>
        <family val="1"/>
        <charset val="128"/>
      </rPr>
      <t>大阪府</t>
    </r>
    <r>
      <rPr>
        <sz val="14"/>
        <rFont val="HGP教科書体"/>
        <family val="1"/>
        <charset val="128"/>
      </rPr>
      <t>にある。</t>
    </r>
    <rPh sb="4" eb="7">
      <t>オオサカフ</t>
    </rPh>
    <phoneticPr fontId="1"/>
  </si>
  <si>
    <r>
      <t>大きな湖のある</t>
    </r>
    <r>
      <rPr>
        <b/>
        <u/>
        <sz val="14"/>
        <rFont val="HGP教科書体"/>
        <family val="1"/>
        <charset val="128"/>
      </rPr>
      <t>滋賀</t>
    </r>
    <r>
      <rPr>
        <sz val="14"/>
        <rFont val="HGP教科書体"/>
        <family val="1"/>
        <charset val="128"/>
      </rPr>
      <t>県。</t>
    </r>
    <rPh sb="7" eb="9">
      <t>シガ</t>
    </rPh>
    <rPh sb="9" eb="10">
      <t>ケン</t>
    </rPh>
    <phoneticPr fontId="1"/>
  </si>
  <si>
    <r>
      <t>いちごがおいしい</t>
    </r>
    <r>
      <rPr>
        <b/>
        <u/>
        <sz val="14"/>
        <rFont val="HGP教科書体"/>
        <family val="1"/>
        <charset val="128"/>
      </rPr>
      <t>栃木</t>
    </r>
    <r>
      <rPr>
        <sz val="14"/>
        <rFont val="HGP教科書体"/>
        <family val="1"/>
        <charset val="128"/>
      </rPr>
      <t>県。</t>
    </r>
    <rPh sb="8" eb="10">
      <t>トチギ</t>
    </rPh>
    <rPh sb="10" eb="11">
      <t>ケン</t>
    </rPh>
    <phoneticPr fontId="1"/>
  </si>
  <si>
    <r>
      <t>荷物を</t>
    </r>
    <r>
      <rPr>
        <b/>
        <u/>
        <sz val="14"/>
        <rFont val="HGP教科書体"/>
        <family val="1"/>
        <charset val="128"/>
      </rPr>
      <t>置</t>
    </r>
    <r>
      <rPr>
        <sz val="14"/>
        <rFont val="HGP教科書体"/>
        <family val="1"/>
        <charset val="128"/>
      </rPr>
      <t>く。</t>
    </r>
    <rPh sb="0" eb="2">
      <t>ニモツ</t>
    </rPh>
    <rPh sb="3" eb="4">
      <t>オ</t>
    </rPh>
    <phoneticPr fontId="1"/>
  </si>
  <si>
    <r>
      <t>有明海をのぞむ</t>
    </r>
    <r>
      <rPr>
        <b/>
        <u/>
        <sz val="14"/>
        <rFont val="HGP教科書体"/>
        <family val="1"/>
        <charset val="128"/>
      </rPr>
      <t>佐賀</t>
    </r>
    <r>
      <rPr>
        <sz val="14"/>
        <rFont val="HGP教科書体"/>
        <family val="1"/>
        <charset val="128"/>
      </rPr>
      <t>県。</t>
    </r>
    <rPh sb="0" eb="3">
      <t>アリアケカイ</t>
    </rPh>
    <rPh sb="7" eb="9">
      <t>サガ</t>
    </rPh>
    <rPh sb="9" eb="10">
      <t>ケン</t>
    </rPh>
    <phoneticPr fontId="1"/>
  </si>
  <si>
    <r>
      <t>ぶどうが有名な</t>
    </r>
    <r>
      <rPr>
        <b/>
        <u/>
        <sz val="14"/>
        <rFont val="HGP教科書体"/>
        <family val="1"/>
        <charset val="128"/>
      </rPr>
      <t>山梨</t>
    </r>
    <r>
      <rPr>
        <sz val="14"/>
        <rFont val="HGP教科書体"/>
        <family val="1"/>
        <charset val="128"/>
      </rPr>
      <t>県。</t>
    </r>
    <rPh sb="4" eb="6">
      <t>ユウメイ</t>
    </rPh>
    <rPh sb="7" eb="9">
      <t>ヤマナシ</t>
    </rPh>
    <rPh sb="9" eb="10">
      <t>ケン</t>
    </rPh>
    <phoneticPr fontId="1"/>
  </si>
  <si>
    <r>
      <t>九州にある</t>
    </r>
    <r>
      <rPr>
        <b/>
        <u/>
        <sz val="14"/>
        <rFont val="HGP教科書体"/>
        <family val="1"/>
        <charset val="128"/>
      </rPr>
      <t>宮崎</t>
    </r>
    <r>
      <rPr>
        <sz val="14"/>
        <rFont val="HGP教科書体"/>
        <family val="1"/>
        <charset val="128"/>
      </rPr>
      <t>県。</t>
    </r>
    <rPh sb="5" eb="7">
      <t>ミヤザキ</t>
    </rPh>
    <rPh sb="7" eb="8">
      <t>ケン</t>
    </rPh>
    <phoneticPr fontId="1"/>
  </si>
  <si>
    <r>
      <t>プリントを</t>
    </r>
    <r>
      <rPr>
        <b/>
        <u/>
        <sz val="14"/>
        <rFont val="HGP教科書体"/>
        <family val="1"/>
        <charset val="128"/>
      </rPr>
      <t>インサツ</t>
    </r>
    <r>
      <rPr>
        <sz val="14"/>
        <rFont val="HGP教科書体"/>
        <family val="1"/>
        <charset val="128"/>
      </rPr>
      <t>する。</t>
    </r>
    <phoneticPr fontId="2"/>
  </si>
  <si>
    <r>
      <rPr>
        <b/>
        <u/>
        <sz val="14"/>
        <rFont val="HGP教科書体"/>
        <family val="1"/>
        <charset val="128"/>
      </rPr>
      <t>ジュンバン</t>
    </r>
    <r>
      <rPr>
        <sz val="14"/>
        <rFont val="HGP教科書体"/>
        <family val="1"/>
        <charset val="128"/>
      </rPr>
      <t>にならぶ。</t>
    </r>
    <phoneticPr fontId="3" type="Hiragana"/>
  </si>
  <si>
    <r>
      <rPr>
        <b/>
        <u/>
        <sz val="14"/>
        <rFont val="HGP教科書体"/>
        <family val="1"/>
        <charset val="128"/>
      </rPr>
      <t>レイガイ</t>
    </r>
    <r>
      <rPr>
        <sz val="14"/>
        <rFont val="HGP教科書体"/>
        <family val="1"/>
        <charset val="128"/>
      </rPr>
      <t>としてみとめる。</t>
    </r>
    <phoneticPr fontId="3" type="Hiragana"/>
  </si>
  <si>
    <r>
      <rPr>
        <b/>
        <u/>
        <sz val="14"/>
        <rFont val="HGP教科書体"/>
        <family val="1"/>
        <charset val="128"/>
      </rPr>
      <t>クマモト</t>
    </r>
    <r>
      <rPr>
        <sz val="14"/>
        <rFont val="HGP教科書体"/>
        <family val="1"/>
        <charset val="128"/>
      </rPr>
      <t>県のあそ山。</t>
    </r>
    <rPh sb="4" eb="5">
      <t>ケン</t>
    </rPh>
    <rPh sb="8" eb="9">
      <t>ヤマ</t>
    </rPh>
    <phoneticPr fontId="2"/>
  </si>
  <si>
    <r>
      <rPr>
        <b/>
        <u/>
        <sz val="14"/>
        <rFont val="HGP教科書体"/>
        <family val="1"/>
        <charset val="128"/>
      </rPr>
      <t>トクシマ</t>
    </r>
    <r>
      <rPr>
        <sz val="14"/>
        <rFont val="HGP教科書体"/>
        <family val="1"/>
        <charset val="128"/>
      </rPr>
      <t>県のあわおどり。</t>
    </r>
    <rPh sb="4" eb="5">
      <t>ケン</t>
    </rPh>
    <phoneticPr fontId="2"/>
  </si>
  <si>
    <r>
      <rPr>
        <b/>
        <u/>
        <sz val="14"/>
        <rFont val="HGP教科書体"/>
        <family val="1"/>
        <charset val="128"/>
      </rPr>
      <t>ムリョウセキ</t>
    </r>
    <r>
      <rPr>
        <sz val="14"/>
        <rFont val="HGP教科書体"/>
        <family val="1"/>
        <charset val="128"/>
      </rPr>
      <t>にすわる。</t>
    </r>
    <phoneticPr fontId="2"/>
  </si>
  <si>
    <r>
      <rPr>
        <b/>
        <u/>
        <sz val="14"/>
        <rFont val="HGP教科書体"/>
        <family val="1"/>
        <charset val="128"/>
      </rPr>
      <t>シケンカン</t>
    </r>
    <r>
      <rPr>
        <sz val="14"/>
        <rFont val="HGP教科書体"/>
        <family val="1"/>
        <charset val="128"/>
      </rPr>
      <t>をあらう。</t>
    </r>
    <phoneticPr fontId="2"/>
  </si>
  <si>
    <r>
      <rPr>
        <b/>
        <u/>
        <sz val="14"/>
        <rFont val="HGP教科書体"/>
        <family val="1"/>
        <charset val="128"/>
      </rPr>
      <t>イチオクエン</t>
    </r>
    <r>
      <rPr>
        <sz val="14"/>
        <rFont val="HGP教科書体"/>
        <family val="1"/>
        <charset val="128"/>
      </rPr>
      <t>をきふする。</t>
    </r>
    <phoneticPr fontId="1"/>
  </si>
  <si>
    <r>
      <rPr>
        <b/>
        <u/>
        <sz val="14"/>
        <rFont val="HGP教科書体"/>
        <family val="1"/>
        <charset val="128"/>
      </rPr>
      <t>オカヤマ</t>
    </r>
    <r>
      <rPr>
        <sz val="14"/>
        <rFont val="HGP教科書体"/>
        <family val="1"/>
        <charset val="128"/>
      </rPr>
      <t>県と言えばもも太郎。</t>
    </r>
    <rPh sb="4" eb="5">
      <t>ケン</t>
    </rPh>
    <rPh sb="6" eb="7">
      <t>イ</t>
    </rPh>
    <rPh sb="11" eb="13">
      <t>タロウ</t>
    </rPh>
    <phoneticPr fontId="1"/>
  </si>
  <si>
    <r>
      <t>ちょうの</t>
    </r>
    <r>
      <rPr>
        <b/>
        <u/>
        <sz val="14"/>
        <rFont val="HGP教科書体"/>
        <family val="1"/>
        <charset val="128"/>
      </rPr>
      <t>ヒョウホン</t>
    </r>
    <r>
      <rPr>
        <sz val="14"/>
        <rFont val="HGP教科書体"/>
        <family val="1"/>
        <charset val="128"/>
      </rPr>
      <t>。</t>
    </r>
    <phoneticPr fontId="3" type="Hiragana"/>
  </si>
  <si>
    <r>
      <t>ヒーローに</t>
    </r>
    <r>
      <rPr>
        <b/>
        <u/>
        <sz val="14"/>
        <rFont val="HGP教科書体"/>
        <family val="1"/>
        <charset val="128"/>
      </rPr>
      <t>ヘンシン</t>
    </r>
    <r>
      <rPr>
        <sz val="14"/>
        <rFont val="HGP教科書体"/>
        <family val="1"/>
        <charset val="128"/>
      </rPr>
      <t>する。</t>
    </r>
    <phoneticPr fontId="1"/>
  </si>
  <si>
    <r>
      <rPr>
        <sz val="14"/>
        <rFont val="HGP教科書体"/>
        <family val="1"/>
        <charset val="128"/>
      </rPr>
      <t>ゼリーが</t>
    </r>
    <r>
      <rPr>
        <b/>
        <u/>
        <sz val="14"/>
        <rFont val="HGP教科書体"/>
        <family val="1"/>
        <charset val="128"/>
      </rPr>
      <t>カタ</t>
    </r>
    <r>
      <rPr>
        <sz val="14"/>
        <rFont val="HGP教科書体"/>
        <family val="1"/>
        <charset val="128"/>
      </rPr>
      <t>まる。</t>
    </r>
    <phoneticPr fontId="1"/>
  </si>
  <si>
    <r>
      <t>おもちゃの</t>
    </r>
    <r>
      <rPr>
        <b/>
        <u/>
        <sz val="14"/>
        <rFont val="HGP教科書体"/>
        <family val="1"/>
        <charset val="128"/>
      </rPr>
      <t>ヘイタイ</t>
    </r>
    <r>
      <rPr>
        <sz val="14"/>
        <rFont val="HGP教科書体"/>
        <family val="1"/>
        <charset val="128"/>
      </rPr>
      <t>。</t>
    </r>
    <phoneticPr fontId="1"/>
  </si>
  <si>
    <r>
      <t>世界いさんのある</t>
    </r>
    <r>
      <rPr>
        <b/>
        <u/>
        <sz val="14"/>
        <rFont val="HGP教科書体"/>
        <family val="1"/>
        <charset val="128"/>
      </rPr>
      <t>ギフ</t>
    </r>
    <r>
      <rPr>
        <sz val="14"/>
        <rFont val="HGP教科書体"/>
        <family val="1"/>
        <charset val="128"/>
      </rPr>
      <t>県。</t>
    </r>
    <rPh sb="0" eb="2">
      <t>セカイ</t>
    </rPh>
    <rPh sb="10" eb="11">
      <t>ケン</t>
    </rPh>
    <phoneticPr fontId="1"/>
  </si>
  <si>
    <r>
      <rPr>
        <b/>
        <u/>
        <sz val="14"/>
        <rFont val="HGP教科書体"/>
        <family val="1"/>
        <charset val="128"/>
      </rPr>
      <t>キュウショク</t>
    </r>
    <r>
      <rPr>
        <sz val="14"/>
        <rFont val="HGP教科書体"/>
        <family val="1"/>
        <charset val="128"/>
      </rPr>
      <t>はカレーだ。</t>
    </r>
    <phoneticPr fontId="1"/>
  </si>
  <si>
    <r>
      <rPr>
        <sz val="14"/>
        <rFont val="HGP教科書体"/>
        <family val="1"/>
        <charset val="128"/>
      </rPr>
      <t>昔の都は</t>
    </r>
    <r>
      <rPr>
        <b/>
        <u/>
        <sz val="14"/>
        <rFont val="HGP教科書体"/>
        <family val="1"/>
        <charset val="128"/>
      </rPr>
      <t>ナラ</t>
    </r>
    <r>
      <rPr>
        <sz val="14"/>
        <rFont val="HGP教科書体"/>
        <family val="1"/>
        <charset val="128"/>
      </rPr>
      <t>県。</t>
    </r>
    <rPh sb="0" eb="1">
      <t>ムカシ</t>
    </rPh>
    <rPh sb="2" eb="3">
      <t>ミヤコ</t>
    </rPh>
    <rPh sb="6" eb="7">
      <t>ケン</t>
    </rPh>
    <phoneticPr fontId="1"/>
  </si>
  <si>
    <r>
      <t>タオルで有名な</t>
    </r>
    <r>
      <rPr>
        <b/>
        <u/>
        <sz val="14"/>
        <rFont val="HGP教科書体"/>
        <family val="1"/>
        <charset val="128"/>
      </rPr>
      <t>エヒメ</t>
    </r>
    <r>
      <rPr>
        <sz val="14"/>
        <rFont val="HGP教科書体"/>
        <family val="1"/>
        <charset val="128"/>
      </rPr>
      <t>県。</t>
    </r>
    <rPh sb="4" eb="6">
      <t>ユウメイ</t>
    </rPh>
    <rPh sb="10" eb="11">
      <t>ケン</t>
    </rPh>
    <phoneticPr fontId="1"/>
  </si>
  <si>
    <r>
      <rPr>
        <b/>
        <u/>
        <sz val="14"/>
        <rFont val="HGP教科書体"/>
        <family val="1"/>
        <charset val="128"/>
      </rPr>
      <t>テイクウヒコウ</t>
    </r>
    <r>
      <rPr>
        <sz val="14"/>
        <rFont val="HGP教科書体"/>
        <family val="1"/>
        <charset val="128"/>
      </rPr>
      <t>をする。</t>
    </r>
    <phoneticPr fontId="1"/>
  </si>
  <si>
    <r>
      <t>USJは</t>
    </r>
    <r>
      <rPr>
        <b/>
        <u/>
        <sz val="14"/>
        <rFont val="HGP教科書体"/>
        <family val="1"/>
        <charset val="128"/>
      </rPr>
      <t>オオサカフ</t>
    </r>
    <r>
      <rPr>
        <sz val="14"/>
        <rFont val="HGP教科書体"/>
        <family val="1"/>
        <charset val="128"/>
      </rPr>
      <t>にある。</t>
    </r>
    <phoneticPr fontId="1"/>
  </si>
  <si>
    <r>
      <t>大きな湖のある</t>
    </r>
    <r>
      <rPr>
        <b/>
        <u/>
        <sz val="14"/>
        <rFont val="HGP教科書体"/>
        <family val="1"/>
        <charset val="128"/>
      </rPr>
      <t>シガ</t>
    </r>
    <r>
      <rPr>
        <sz val="14"/>
        <rFont val="HGP教科書体"/>
        <family val="1"/>
        <charset val="128"/>
      </rPr>
      <t>県。</t>
    </r>
    <rPh sb="9" eb="10">
      <t>ケン</t>
    </rPh>
    <phoneticPr fontId="1"/>
  </si>
  <si>
    <r>
      <t>いちごがおいしい</t>
    </r>
    <r>
      <rPr>
        <b/>
        <u/>
        <sz val="14"/>
        <rFont val="HGP教科書体"/>
        <family val="1"/>
        <charset val="128"/>
      </rPr>
      <t>トチギ</t>
    </r>
    <r>
      <rPr>
        <sz val="14"/>
        <rFont val="HGP教科書体"/>
        <family val="1"/>
        <charset val="128"/>
      </rPr>
      <t>県。</t>
    </r>
    <rPh sb="11" eb="12">
      <t>ケン</t>
    </rPh>
    <phoneticPr fontId="1"/>
  </si>
  <si>
    <r>
      <t>ビルの</t>
    </r>
    <r>
      <rPr>
        <b/>
        <u/>
        <sz val="14"/>
        <rFont val="HGP教科書体"/>
        <family val="1"/>
        <charset val="128"/>
      </rPr>
      <t>ハンタイガワ</t>
    </r>
    <r>
      <rPr>
        <sz val="14"/>
        <rFont val="HGP教科書体"/>
        <family val="1"/>
        <charset val="128"/>
      </rPr>
      <t>。</t>
    </r>
    <phoneticPr fontId="1"/>
  </si>
  <si>
    <r>
      <t>荷物を</t>
    </r>
    <r>
      <rPr>
        <b/>
        <u/>
        <sz val="14"/>
        <rFont val="HGP教科書体"/>
        <family val="1"/>
        <charset val="128"/>
      </rPr>
      <t>オ</t>
    </r>
    <r>
      <rPr>
        <sz val="14"/>
        <rFont val="HGP教科書体"/>
        <family val="1"/>
        <charset val="128"/>
      </rPr>
      <t>く。</t>
    </r>
    <rPh sb="0" eb="2">
      <t>ニモツ</t>
    </rPh>
    <phoneticPr fontId="1"/>
  </si>
  <si>
    <r>
      <t>さんまを</t>
    </r>
    <r>
      <rPr>
        <b/>
        <u/>
        <sz val="14"/>
        <rFont val="HGP教科書体"/>
        <family val="1"/>
        <charset val="128"/>
      </rPr>
      <t>ヤ</t>
    </r>
    <r>
      <rPr>
        <sz val="14"/>
        <rFont val="HGP教科書体"/>
        <family val="1"/>
        <charset val="128"/>
      </rPr>
      <t>く。</t>
    </r>
    <phoneticPr fontId="1"/>
  </si>
  <si>
    <r>
      <t>有明海をのぞむ</t>
    </r>
    <r>
      <rPr>
        <b/>
        <u/>
        <sz val="14"/>
        <rFont val="HGP教科書体"/>
        <family val="1"/>
        <charset val="128"/>
      </rPr>
      <t>サガ</t>
    </r>
    <r>
      <rPr>
        <sz val="14"/>
        <rFont val="HGP教科書体"/>
        <family val="1"/>
        <charset val="128"/>
      </rPr>
      <t>県。</t>
    </r>
    <rPh sb="0" eb="3">
      <t>アリアケカイ</t>
    </rPh>
    <rPh sb="9" eb="10">
      <t>ケン</t>
    </rPh>
    <phoneticPr fontId="1"/>
  </si>
  <si>
    <r>
      <t>ぶどうが有名な</t>
    </r>
    <r>
      <rPr>
        <b/>
        <u/>
        <sz val="14"/>
        <rFont val="HGP教科書体"/>
        <family val="1"/>
        <charset val="128"/>
      </rPr>
      <t>ヤマナシ</t>
    </r>
    <r>
      <rPr>
        <sz val="14"/>
        <rFont val="HGP教科書体"/>
        <family val="1"/>
        <charset val="128"/>
      </rPr>
      <t>県。</t>
    </r>
    <rPh sb="4" eb="6">
      <t>ユウメイ</t>
    </rPh>
    <rPh sb="11" eb="12">
      <t>ケン</t>
    </rPh>
    <phoneticPr fontId="1"/>
  </si>
  <si>
    <r>
      <t>九州にある</t>
    </r>
    <r>
      <rPr>
        <b/>
        <u/>
        <sz val="14"/>
        <rFont val="HGP教科書体"/>
        <family val="1"/>
        <charset val="128"/>
      </rPr>
      <t>ミヤザキ</t>
    </r>
    <r>
      <rPr>
        <sz val="14"/>
        <rFont val="HGP教科書体"/>
        <family val="1"/>
        <charset val="128"/>
      </rPr>
      <t>県。</t>
    </r>
    <rPh sb="0" eb="2">
      <t>キュウシュウ</t>
    </rPh>
    <rPh sb="9" eb="10">
      <t>ケン</t>
    </rPh>
    <phoneticPr fontId="1"/>
  </si>
  <si>
    <r>
      <rPr>
        <b/>
        <u/>
        <sz val="14"/>
        <rFont val="HGP教科書体"/>
        <family val="1"/>
        <charset val="128"/>
      </rPr>
      <t>ボウエンキョウ</t>
    </r>
    <r>
      <rPr>
        <sz val="14"/>
        <rFont val="HGP教科書体"/>
        <family val="1"/>
        <charset val="128"/>
      </rPr>
      <t>をのぞく。</t>
    </r>
    <phoneticPr fontId="1"/>
  </si>
  <si>
    <r>
      <rPr>
        <b/>
        <u/>
        <sz val="14"/>
        <rFont val="HGP教科書体"/>
        <family val="1"/>
        <charset val="128"/>
      </rPr>
      <t>ジュンバン</t>
    </r>
    <r>
      <rPr>
        <sz val="14"/>
        <rFont val="HGP教科書体"/>
        <family val="1"/>
        <charset val="128"/>
      </rPr>
      <t>にならぶ。</t>
    </r>
    <phoneticPr fontId="3" type="Hiragana"/>
  </si>
  <si>
    <r>
      <rPr>
        <b/>
        <u/>
        <sz val="14"/>
        <rFont val="HGP教科書体"/>
        <family val="1"/>
        <charset val="128"/>
      </rPr>
      <t>イチオクエン</t>
    </r>
    <r>
      <rPr>
        <sz val="14"/>
        <rFont val="HGP教科書体"/>
        <family val="1"/>
        <charset val="128"/>
      </rPr>
      <t>をきふする。</t>
    </r>
    <phoneticPr fontId="1"/>
  </si>
  <si>
    <r>
      <t>ちょうの</t>
    </r>
    <r>
      <rPr>
        <b/>
        <u/>
        <sz val="14"/>
        <rFont val="HGP教科書体"/>
        <family val="1"/>
        <charset val="128"/>
      </rPr>
      <t>ヒョウホン</t>
    </r>
    <r>
      <rPr>
        <sz val="14"/>
        <rFont val="HGP教科書体"/>
        <family val="1"/>
        <charset val="128"/>
      </rPr>
      <t>。</t>
    </r>
    <phoneticPr fontId="3" type="Hiragana"/>
  </si>
  <si>
    <r>
      <rPr>
        <sz val="14"/>
        <rFont val="HGP教科書体"/>
        <family val="1"/>
        <charset val="128"/>
      </rPr>
      <t>丸みを</t>
    </r>
    <r>
      <rPr>
        <b/>
        <u/>
        <sz val="14"/>
        <rFont val="HGP教科書体"/>
        <family val="1"/>
        <charset val="128"/>
      </rPr>
      <t>オ</t>
    </r>
    <r>
      <rPr>
        <sz val="14"/>
        <rFont val="HGP教科書体"/>
        <family val="1"/>
        <charset val="128"/>
      </rPr>
      <t>びた形</t>
    </r>
    <r>
      <rPr>
        <b/>
        <sz val="14"/>
        <rFont val="HGP教科書体"/>
        <family val="1"/>
        <charset val="128"/>
      </rPr>
      <t>。</t>
    </r>
    <rPh sb="0" eb="1">
      <t>まる</t>
    </rPh>
    <rPh sb="6" eb="7">
      <t>かたち</t>
    </rPh>
    <phoneticPr fontId="3" type="Hiragana"/>
  </si>
  <si>
    <r>
      <rPr>
        <sz val="14"/>
        <rFont val="HGP教科書体"/>
        <family val="1"/>
        <charset val="128"/>
      </rPr>
      <t>丸みを</t>
    </r>
    <r>
      <rPr>
        <b/>
        <u/>
        <sz val="14"/>
        <rFont val="HGP教科書体"/>
        <family val="1"/>
        <charset val="128"/>
      </rPr>
      <t>オ</t>
    </r>
    <r>
      <rPr>
        <sz val="14"/>
        <rFont val="HGP教科書体"/>
        <family val="1"/>
        <charset val="128"/>
      </rPr>
      <t>びた形。</t>
    </r>
    <rPh sb="0" eb="1">
      <t>まる</t>
    </rPh>
    <rPh sb="6" eb="7">
      <t>かたち</t>
    </rPh>
    <phoneticPr fontId="3" type="Hiragana"/>
  </si>
  <si>
    <r>
      <rPr>
        <sz val="14"/>
        <rFont val="HGP教科書体"/>
        <family val="1"/>
        <charset val="128"/>
      </rPr>
      <t>丸みを</t>
    </r>
    <r>
      <rPr>
        <b/>
        <u/>
        <sz val="14"/>
        <rFont val="HGP教科書体"/>
        <family val="1"/>
        <charset val="128"/>
      </rPr>
      <t>帯</t>
    </r>
    <r>
      <rPr>
        <sz val="14"/>
        <rFont val="HGP教科書体"/>
        <family val="1"/>
        <charset val="128"/>
      </rPr>
      <t>びた形。</t>
    </r>
    <rPh sb="0" eb="1">
      <t>まる</t>
    </rPh>
    <rPh sb="3" eb="4">
      <t>お</t>
    </rPh>
    <rPh sb="6" eb="7">
      <t>かたち</t>
    </rPh>
    <phoneticPr fontId="3" type="Hiragana"/>
  </si>
  <si>
    <r>
      <rPr>
        <sz val="14"/>
        <rFont val="HGP教科書体"/>
        <family val="1"/>
        <charset val="128"/>
      </rPr>
      <t>美しい</t>
    </r>
    <r>
      <rPr>
        <b/>
        <u/>
        <sz val="14"/>
        <rFont val="HGP教科書体"/>
        <family val="1"/>
        <charset val="128"/>
      </rPr>
      <t>フウケイ</t>
    </r>
    <r>
      <rPr>
        <sz val="14"/>
        <rFont val="HGP教科書体"/>
        <family val="1"/>
        <charset val="128"/>
      </rPr>
      <t>。</t>
    </r>
    <rPh sb="0" eb="1">
      <t>ウツク</t>
    </rPh>
    <phoneticPr fontId="2"/>
  </si>
  <si>
    <r>
      <rPr>
        <b/>
        <u/>
        <sz val="14"/>
        <rFont val="HGP教科書体"/>
        <family val="1"/>
        <charset val="128"/>
      </rPr>
      <t>試験管</t>
    </r>
    <r>
      <rPr>
        <sz val="14"/>
        <rFont val="HGP教科書体"/>
        <family val="1"/>
        <charset val="128"/>
      </rPr>
      <t>をあらう。</t>
    </r>
    <rPh sb="0" eb="3">
      <t>シケンカン</t>
    </rPh>
    <phoneticPr fontId="2"/>
  </si>
  <si>
    <r>
      <rPr>
        <sz val="14"/>
        <rFont val="HGP教科書体"/>
        <family val="1"/>
        <charset val="128"/>
      </rPr>
      <t>美しい</t>
    </r>
    <r>
      <rPr>
        <b/>
        <u/>
        <sz val="14"/>
        <rFont val="HGP教科書体"/>
        <family val="1"/>
        <charset val="128"/>
      </rPr>
      <t>風景</t>
    </r>
    <r>
      <rPr>
        <sz val="14"/>
        <rFont val="HGP教科書体"/>
        <family val="1"/>
        <charset val="128"/>
      </rPr>
      <t>。</t>
    </r>
    <rPh sb="0" eb="1">
      <t>ウツク</t>
    </rPh>
    <rPh sb="3" eb="5">
      <t>フウケイ</t>
    </rPh>
    <phoneticPr fontId="2"/>
  </si>
  <si>
    <r>
      <t>みんなで</t>
    </r>
    <r>
      <rPr>
        <b/>
        <u/>
        <sz val="14"/>
        <rFont val="HGP教科書体"/>
        <family val="1"/>
        <charset val="128"/>
      </rPr>
      <t>キョウリョク</t>
    </r>
    <r>
      <rPr>
        <sz val="14"/>
        <rFont val="HGP教科書体"/>
        <family val="1"/>
        <charset val="128"/>
      </rPr>
      <t>する。</t>
    </r>
    <phoneticPr fontId="1"/>
  </si>
  <si>
    <r>
      <t>みんなで</t>
    </r>
    <r>
      <rPr>
        <b/>
        <u/>
        <sz val="14"/>
        <rFont val="HGP教科書体"/>
        <family val="1"/>
        <charset val="128"/>
      </rPr>
      <t>協力</t>
    </r>
    <r>
      <rPr>
        <sz val="14"/>
        <rFont val="HGP教科書体"/>
        <family val="1"/>
        <charset val="128"/>
      </rPr>
      <t>する。</t>
    </r>
    <rPh sb="4" eb="6">
      <t>キョウリョク</t>
    </rPh>
    <phoneticPr fontId="1"/>
  </si>
  <si>
    <r>
      <t>子どもが</t>
    </r>
    <r>
      <rPr>
        <b/>
        <u/>
        <sz val="14"/>
        <rFont val="HGP教科書体"/>
        <family val="1"/>
        <charset val="128"/>
      </rPr>
      <t>ナ</t>
    </r>
    <r>
      <rPr>
        <sz val="14"/>
        <rFont val="HGP教科書体"/>
        <family val="1"/>
        <charset val="128"/>
      </rPr>
      <t>く。</t>
    </r>
    <rPh sb="0" eb="1">
      <t>コ</t>
    </rPh>
    <phoneticPr fontId="1"/>
  </si>
  <si>
    <r>
      <t>子どもが</t>
    </r>
    <r>
      <rPr>
        <b/>
        <u/>
        <sz val="14"/>
        <rFont val="HGP教科書体"/>
        <family val="1"/>
        <charset val="128"/>
      </rPr>
      <t>泣</t>
    </r>
    <r>
      <rPr>
        <sz val="14"/>
        <rFont val="HGP教科書体"/>
        <family val="1"/>
        <charset val="128"/>
      </rPr>
      <t>く。</t>
    </r>
    <rPh sb="0" eb="1">
      <t>コ</t>
    </rPh>
    <rPh sb="4" eb="5">
      <t>ナ</t>
    </rPh>
    <phoneticPr fontId="1"/>
  </si>
  <si>
    <r>
      <t>みんなで</t>
    </r>
    <r>
      <rPr>
        <b/>
        <u/>
        <sz val="14"/>
        <rFont val="HGP教科書体"/>
        <family val="1"/>
        <charset val="128"/>
      </rPr>
      <t>キョウリョク</t>
    </r>
    <r>
      <rPr>
        <sz val="14"/>
        <rFont val="HGP教科書体"/>
        <family val="1"/>
        <charset val="128"/>
      </rPr>
      <t>する。</t>
    </r>
    <phoneticPr fontId="1"/>
  </si>
  <si>
    <r>
      <t>プリントを</t>
    </r>
    <r>
      <rPr>
        <b/>
        <u/>
        <sz val="14"/>
        <rFont val="HGP教科書体"/>
        <family val="1"/>
        <charset val="128"/>
      </rPr>
      <t>インサツ</t>
    </r>
    <r>
      <rPr>
        <sz val="14"/>
        <rFont val="HGP教科書体"/>
        <family val="1"/>
        <charset val="128"/>
      </rPr>
      <t>する。</t>
    </r>
    <phoneticPr fontId="2"/>
  </si>
  <si>
    <r>
      <t>生物の研究に</t>
    </r>
    <r>
      <rPr>
        <b/>
        <u/>
        <sz val="14"/>
        <rFont val="HGP教科書体"/>
        <family val="1"/>
        <charset val="128"/>
      </rPr>
      <t>ツト</t>
    </r>
    <r>
      <rPr>
        <u/>
        <sz val="14"/>
        <rFont val="HGP教科書体"/>
        <family val="1"/>
        <charset val="128"/>
      </rPr>
      <t>める。</t>
    </r>
    <rPh sb="0" eb="2">
      <t>せいぶつ</t>
    </rPh>
    <rPh sb="3" eb="5">
      <t>けんきゅう</t>
    </rPh>
    <phoneticPr fontId="3" type="Hiragana"/>
  </si>
  <si>
    <r>
      <t>工場の</t>
    </r>
    <r>
      <rPr>
        <b/>
        <u/>
        <sz val="14"/>
        <rFont val="HGP教科書体"/>
        <family val="1"/>
        <charset val="128"/>
      </rPr>
      <t>セツメイ</t>
    </r>
    <r>
      <rPr>
        <sz val="14"/>
        <color theme="1"/>
        <rFont val="HGP教科書体"/>
        <family val="1"/>
        <charset val="128"/>
      </rPr>
      <t>をする。</t>
    </r>
    <rPh sb="0" eb="2">
      <t>こうじょう</t>
    </rPh>
    <phoneticPr fontId="3" type="Hiragana"/>
  </si>
  <si>
    <r>
      <t>子どもが</t>
    </r>
    <r>
      <rPr>
        <b/>
        <u/>
        <sz val="14"/>
        <rFont val="HGP教科書体"/>
        <family val="1"/>
        <charset val="128"/>
      </rPr>
      <t>泣</t>
    </r>
    <r>
      <rPr>
        <b/>
        <sz val="14"/>
        <rFont val="HGP教科書体"/>
        <family val="1"/>
        <charset val="128"/>
      </rPr>
      <t>く</t>
    </r>
    <r>
      <rPr>
        <sz val="14"/>
        <rFont val="HGP教科書体"/>
        <family val="1"/>
        <charset val="128"/>
      </rPr>
      <t>。</t>
    </r>
    <rPh sb="0" eb="1">
      <t>コ</t>
    </rPh>
    <rPh sb="4" eb="5">
      <t>ナ</t>
    </rPh>
    <phoneticPr fontId="1"/>
  </si>
  <si>
    <r>
      <t>今日は祭りの</t>
    </r>
    <r>
      <rPr>
        <b/>
        <u/>
        <sz val="14"/>
        <rFont val="HGP教科書体"/>
        <family val="1"/>
        <charset val="128"/>
      </rPr>
      <t>ショニチ</t>
    </r>
    <r>
      <rPr>
        <sz val="14"/>
        <rFont val="HGP教科書体"/>
        <family val="1"/>
        <charset val="128"/>
      </rPr>
      <t>だ。</t>
    </r>
    <rPh sb="0" eb="2">
      <t>キョウ</t>
    </rPh>
    <rPh sb="3" eb="4">
      <t>マツ</t>
    </rPh>
    <phoneticPr fontId="2"/>
  </si>
  <si>
    <r>
      <t>今日は祭りの</t>
    </r>
    <r>
      <rPr>
        <b/>
        <u/>
        <sz val="14"/>
        <rFont val="HGP教科書体"/>
        <family val="1"/>
        <charset val="128"/>
      </rPr>
      <t>初日</t>
    </r>
    <r>
      <rPr>
        <sz val="14"/>
        <rFont val="HGP教科書体"/>
        <family val="1"/>
        <charset val="128"/>
      </rPr>
      <t>だ。</t>
    </r>
    <rPh sb="0" eb="2">
      <t>キョウ</t>
    </rPh>
    <rPh sb="3" eb="4">
      <t>マツ</t>
    </rPh>
    <rPh sb="6" eb="8">
      <t>ショニチ</t>
    </rPh>
    <phoneticPr fontId="2"/>
  </si>
  <si>
    <r>
      <t>きそくを</t>
    </r>
    <r>
      <rPr>
        <b/>
        <u/>
        <sz val="14"/>
        <rFont val="HGP教科書体"/>
        <family val="1"/>
        <charset val="128"/>
      </rPr>
      <t>改</t>
    </r>
    <r>
      <rPr>
        <sz val="14"/>
        <rFont val="HGP教科書体"/>
        <family val="1"/>
        <charset val="128"/>
      </rPr>
      <t>める。</t>
    </r>
    <rPh sb="4" eb="5">
      <t>アラタ</t>
    </rPh>
    <phoneticPr fontId="1"/>
  </si>
  <si>
    <r>
      <t>今日は祭りの</t>
    </r>
    <r>
      <rPr>
        <b/>
        <u/>
        <sz val="14"/>
        <color theme="1"/>
        <rFont val="HGP教科書体"/>
        <family val="1"/>
        <charset val="128"/>
      </rPr>
      <t>初日</t>
    </r>
    <r>
      <rPr>
        <sz val="14"/>
        <rFont val="HGP教科書体"/>
        <family val="1"/>
        <charset val="128"/>
      </rPr>
      <t>だ。</t>
    </r>
    <rPh sb="0" eb="2">
      <t>キョウ</t>
    </rPh>
    <rPh sb="3" eb="4">
      <t>マツ</t>
    </rPh>
    <rPh sb="6" eb="8">
      <t>ショ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4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name val="ＭＳ Ｐゴシック"/>
      <family val="2"/>
      <charset val="128"/>
      <scheme val="minor"/>
    </font>
    <font>
      <sz val="8"/>
      <name val="ＭＳ Ｐゴシック"/>
      <family val="2"/>
      <charset val="128"/>
      <scheme val="minor"/>
    </font>
    <font>
      <sz val="11"/>
      <color theme="1"/>
      <name val="HGP教科書体"/>
      <family val="1"/>
      <charset val="128"/>
    </font>
    <font>
      <sz val="16"/>
      <name val="HGP教科書体"/>
      <family val="1"/>
      <charset val="128"/>
    </font>
    <font>
      <b/>
      <sz val="14"/>
      <name val="HGP教科書体"/>
      <family val="1"/>
      <charset val="128"/>
    </font>
    <font>
      <b/>
      <u/>
      <sz val="14"/>
      <name val="HGP教科書体"/>
      <family val="1"/>
      <charset val="128"/>
    </font>
    <font>
      <sz val="14"/>
      <name val="HGP教科書体"/>
      <family val="1"/>
      <charset val="128"/>
    </font>
    <font>
      <u/>
      <sz val="14"/>
      <name val="HGP教科書体"/>
      <family val="1"/>
      <charset val="128"/>
    </font>
    <font>
      <sz val="11"/>
      <name val="HGP教科書体"/>
      <family val="1"/>
      <charset val="128"/>
    </font>
    <font>
      <sz val="11"/>
      <name val="ＭＳ Ｐゴシック"/>
      <family val="2"/>
      <charset val="128"/>
      <scheme val="minor"/>
    </font>
    <font>
      <sz val="14"/>
      <color theme="1"/>
      <name val="HGP教科書体"/>
      <family val="1"/>
      <charset val="128"/>
    </font>
    <font>
      <b/>
      <u/>
      <sz val="14"/>
      <color theme="1"/>
      <name val="HGP教科書体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theme="1" tint="0.499984740745262"/>
      </left>
      <right style="thin">
        <color theme="1" tint="0.499984740745262"/>
      </right>
      <top style="thin">
        <color theme="1" tint="0.499984740745262"/>
      </top>
      <bottom/>
      <diagonal/>
    </border>
    <border>
      <left style="thin">
        <color theme="1" tint="0.499984740745262"/>
      </left>
      <right style="thin">
        <color theme="1" tint="0.499984740745262"/>
      </right>
      <top/>
      <bottom/>
      <diagonal/>
    </border>
    <border>
      <left style="thin">
        <color theme="1" tint="0.499984740745262"/>
      </left>
      <right style="thin">
        <color theme="1" tint="0.499984740745262"/>
      </right>
      <top/>
      <bottom style="thin">
        <color theme="1" tint="0.499984740745262"/>
      </bottom>
      <diagonal/>
    </border>
  </borders>
  <cellStyleXfs count="1">
    <xf numFmtId="0" fontId="0" fillId="0" borderId="0">
      <alignment vertical="center"/>
    </xf>
  </cellStyleXfs>
  <cellXfs count="28">
    <xf numFmtId="0" fontId="0" fillId="0" borderId="0" xfId="0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vertical="center" textRotation="255"/>
    </xf>
    <xf numFmtId="0" fontId="0" fillId="0" borderId="0" xfId="0" applyAlignment="1">
      <alignment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 textRotation="255"/>
    </xf>
    <xf numFmtId="0" fontId="6" fillId="0" borderId="3" xfId="0" applyFont="1" applyFill="1" applyBorder="1" applyAlignment="1">
      <alignment horizontal="center" vertical="top" textRotation="255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 textRotation="255"/>
    </xf>
    <xf numFmtId="0" fontId="8" fillId="0" borderId="3" xfId="0" applyFont="1" applyBorder="1" applyAlignment="1">
      <alignment horizontal="center" vertical="top" textRotation="255"/>
    </xf>
    <xf numFmtId="0" fontId="7" fillId="0" borderId="3" xfId="0" applyFont="1" applyBorder="1" applyAlignment="1">
      <alignment horizontal="center" vertical="top" textRotation="255"/>
    </xf>
    <xf numFmtId="0" fontId="5" fillId="2" borderId="1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top" textRotation="255"/>
    </xf>
    <xf numFmtId="0" fontId="7" fillId="0" borderId="3" xfId="0" applyFont="1" applyFill="1" applyBorder="1" applyAlignment="1">
      <alignment horizontal="center" vertical="top" textRotation="255"/>
    </xf>
    <xf numFmtId="0" fontId="9" fillId="0" borderId="3" xfId="0" applyFont="1" applyFill="1" applyBorder="1" applyAlignment="1">
      <alignment horizontal="center" vertical="top" textRotation="255"/>
    </xf>
    <xf numFmtId="0" fontId="5" fillId="2" borderId="2" xfId="0" applyFont="1" applyFill="1" applyBorder="1" applyAlignment="1">
      <alignment horizontal="center" vertical="center" textRotation="255"/>
    </xf>
    <xf numFmtId="0" fontId="8" fillId="2" borderId="3" xfId="0" applyFont="1" applyFill="1" applyBorder="1" applyAlignment="1">
      <alignment horizontal="center" vertical="top" textRotation="255"/>
    </xf>
    <xf numFmtId="0" fontId="10" fillId="0" borderId="0" xfId="0" applyFont="1">
      <alignment vertical="center"/>
    </xf>
    <xf numFmtId="0" fontId="10" fillId="0" borderId="0" xfId="0" applyFont="1" applyAlignment="1">
      <alignment vertical="center"/>
    </xf>
    <xf numFmtId="0" fontId="5" fillId="0" borderId="0" xfId="0" applyFont="1" applyAlignment="1">
      <alignment horizontal="center" vertical="center" textRotation="255"/>
    </xf>
    <xf numFmtId="0" fontId="5" fillId="0" borderId="0" xfId="0" applyFont="1" applyFill="1" applyAlignment="1">
      <alignment horizontal="center" vertical="center" textRotation="255"/>
    </xf>
    <xf numFmtId="0" fontId="11" fillId="0" borderId="0" xfId="0" applyFont="1">
      <alignment vertical="center"/>
    </xf>
    <xf numFmtId="0" fontId="11" fillId="0" borderId="0" xfId="0" applyFont="1" applyAlignment="1">
      <alignment vertical="center"/>
    </xf>
    <xf numFmtId="0" fontId="11" fillId="0" borderId="0" xfId="0" applyFont="1" applyFill="1">
      <alignment vertical="center"/>
    </xf>
    <xf numFmtId="0" fontId="10" fillId="0" borderId="0" xfId="0" applyFont="1" applyAlignment="1">
      <alignment vertical="center" textRotation="255"/>
    </xf>
    <xf numFmtId="0" fontId="6" fillId="0" borderId="3" xfId="0" applyFont="1" applyBorder="1" applyAlignment="1">
      <alignment horizontal="center" vertical="top" textRotation="255"/>
    </xf>
    <xf numFmtId="0" fontId="9" fillId="0" borderId="3" xfId="0" applyFont="1" applyBorder="1" applyAlignment="1">
      <alignment horizontal="center" vertical="top" textRotation="255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Y49"/>
  <sheetViews>
    <sheetView showGridLines="0" showRuler="0" zoomScaleNormal="100" zoomScaleSheetLayoutView="100" workbookViewId="0">
      <selection activeCell="F3" sqref="F3"/>
    </sheetView>
  </sheetViews>
  <sheetFormatPr defaultColWidth="8.875" defaultRowHeight="13.5"/>
  <cols>
    <col min="1" max="25" width="5.625" style="1" customWidth="1"/>
    <col min="26" max="16384" width="8.875" style="1"/>
  </cols>
  <sheetData>
    <row r="1" spans="1:25" ht="21" customHeight="1">
      <c r="A1" s="8">
        <v>25</v>
      </c>
      <c r="B1" s="8">
        <v>24</v>
      </c>
      <c r="C1" s="12">
        <v>23</v>
      </c>
      <c r="D1" s="8">
        <v>22</v>
      </c>
      <c r="E1" s="8">
        <v>21</v>
      </c>
      <c r="F1" s="8">
        <v>20</v>
      </c>
      <c r="G1" s="8">
        <v>19</v>
      </c>
      <c r="H1" s="8">
        <v>18</v>
      </c>
      <c r="I1" s="8">
        <v>17</v>
      </c>
      <c r="J1" s="8">
        <v>16</v>
      </c>
      <c r="K1" s="8">
        <v>15</v>
      </c>
      <c r="L1" s="12">
        <v>14</v>
      </c>
      <c r="M1" s="8">
        <v>13</v>
      </c>
      <c r="N1" s="8">
        <v>12</v>
      </c>
      <c r="O1" s="8">
        <v>11</v>
      </c>
      <c r="P1" s="8">
        <v>10</v>
      </c>
      <c r="Q1" s="8">
        <v>9</v>
      </c>
      <c r="R1" s="8">
        <v>8</v>
      </c>
      <c r="S1" s="12">
        <v>7</v>
      </c>
      <c r="T1" s="12">
        <v>6</v>
      </c>
      <c r="U1" s="12">
        <v>5</v>
      </c>
      <c r="V1" s="8">
        <v>4</v>
      </c>
      <c r="W1" s="8">
        <v>3</v>
      </c>
      <c r="X1" s="8">
        <v>2</v>
      </c>
      <c r="Y1" s="8">
        <v>1</v>
      </c>
    </row>
    <row r="2" spans="1:25" s="2" customFormat="1" ht="9.75" customHeight="1">
      <c r="A2" s="9"/>
      <c r="B2" s="9"/>
      <c r="C2" s="9"/>
      <c r="D2" s="9"/>
      <c r="E2" s="9"/>
      <c r="F2" s="9"/>
      <c r="G2" s="9"/>
      <c r="H2" s="9"/>
      <c r="I2" s="9"/>
      <c r="J2" s="9"/>
      <c r="K2" s="9"/>
      <c r="L2" s="6"/>
      <c r="M2" s="9"/>
      <c r="N2" s="9"/>
      <c r="O2" s="9"/>
      <c r="P2" s="9"/>
      <c r="Q2" s="9"/>
      <c r="R2" s="9"/>
      <c r="S2" s="9"/>
      <c r="T2" s="9"/>
      <c r="U2" s="9"/>
      <c r="V2" s="9"/>
      <c r="W2" s="9"/>
      <c r="X2" s="9"/>
      <c r="Y2" s="9"/>
    </row>
    <row r="3" spans="1:25" s="18" customFormat="1" ht="240.95" customHeight="1">
      <c r="A3" s="10" t="s">
        <v>0</v>
      </c>
      <c r="B3" s="10" t="s">
        <v>1</v>
      </c>
      <c r="C3" s="10" t="s">
        <v>2</v>
      </c>
      <c r="D3" s="10" t="s">
        <v>3</v>
      </c>
      <c r="E3" s="10" t="s">
        <v>4</v>
      </c>
      <c r="F3" s="10" t="s">
        <v>5</v>
      </c>
      <c r="G3" s="10" t="s">
        <v>6</v>
      </c>
      <c r="H3" s="10" t="s">
        <v>7</v>
      </c>
      <c r="I3" s="10" t="s">
        <v>8</v>
      </c>
      <c r="J3" s="10" t="s">
        <v>9</v>
      </c>
      <c r="K3" s="10" t="s">
        <v>10</v>
      </c>
      <c r="L3" s="7" t="s">
        <v>394</v>
      </c>
      <c r="M3" s="10" t="s">
        <v>11</v>
      </c>
      <c r="N3" s="10" t="s">
        <v>12</v>
      </c>
      <c r="O3" s="10" t="s">
        <v>13</v>
      </c>
      <c r="P3" s="10" t="s">
        <v>14</v>
      </c>
      <c r="Q3" s="10" t="s">
        <v>15</v>
      </c>
      <c r="R3" s="10" t="s">
        <v>408</v>
      </c>
      <c r="S3" s="11" t="s">
        <v>16</v>
      </c>
      <c r="T3" s="10" t="s">
        <v>17</v>
      </c>
      <c r="U3" s="10" t="s">
        <v>18</v>
      </c>
      <c r="V3" s="10" t="s">
        <v>19</v>
      </c>
      <c r="W3" s="10" t="s">
        <v>20</v>
      </c>
      <c r="X3" s="10" t="s">
        <v>21</v>
      </c>
      <c r="Y3" s="10" t="s">
        <v>22</v>
      </c>
    </row>
    <row r="4" spans="1:25" ht="6.75" customHeight="1">
      <c r="A4" s="20"/>
      <c r="B4" s="20"/>
      <c r="C4" s="20"/>
      <c r="D4" s="20"/>
      <c r="E4" s="20"/>
      <c r="F4" s="20"/>
      <c r="G4" s="20"/>
      <c r="H4" s="20"/>
      <c r="I4" s="20"/>
      <c r="J4" s="20"/>
      <c r="K4" s="20"/>
      <c r="L4" s="20"/>
      <c r="M4" s="20"/>
      <c r="N4" s="20"/>
      <c r="O4" s="20"/>
      <c r="P4" s="20"/>
      <c r="Q4" s="20"/>
      <c r="R4" s="20"/>
      <c r="S4" s="20"/>
      <c r="T4" s="20"/>
      <c r="U4" s="20"/>
      <c r="V4" s="20"/>
      <c r="W4" s="20"/>
      <c r="X4" s="20"/>
      <c r="Y4" s="20"/>
    </row>
    <row r="5" spans="1:25" ht="21.2" customHeight="1">
      <c r="A5" s="12">
        <v>50</v>
      </c>
      <c r="B5" s="12">
        <v>49</v>
      </c>
      <c r="C5" s="12">
        <v>48</v>
      </c>
      <c r="D5" s="12">
        <v>47</v>
      </c>
      <c r="E5" s="12">
        <v>46</v>
      </c>
      <c r="F5" s="12">
        <v>45</v>
      </c>
      <c r="G5" s="12">
        <v>44</v>
      </c>
      <c r="H5" s="12">
        <v>43</v>
      </c>
      <c r="I5" s="12">
        <v>42</v>
      </c>
      <c r="J5" s="12">
        <v>41</v>
      </c>
      <c r="K5" s="12">
        <v>40</v>
      </c>
      <c r="L5" s="12">
        <v>39</v>
      </c>
      <c r="M5" s="12">
        <v>38</v>
      </c>
      <c r="N5" s="12">
        <v>37</v>
      </c>
      <c r="O5" s="12">
        <v>36</v>
      </c>
      <c r="P5" s="12">
        <v>35</v>
      </c>
      <c r="Q5" s="12">
        <v>34</v>
      </c>
      <c r="R5" s="12">
        <v>33</v>
      </c>
      <c r="S5" s="12">
        <v>32</v>
      </c>
      <c r="T5" s="12">
        <v>31</v>
      </c>
      <c r="U5" s="12">
        <v>30</v>
      </c>
      <c r="V5" s="12">
        <v>29</v>
      </c>
      <c r="W5" s="12">
        <v>28</v>
      </c>
      <c r="X5" s="12">
        <v>27</v>
      </c>
      <c r="Y5" s="8">
        <v>26</v>
      </c>
    </row>
    <row r="6" spans="1:25" ht="8.25" customHeight="1">
      <c r="A6" s="9"/>
      <c r="B6" s="9"/>
      <c r="C6" s="6"/>
      <c r="D6" s="9"/>
      <c r="E6" s="9"/>
      <c r="F6" s="9"/>
      <c r="G6" s="9"/>
      <c r="H6" s="9"/>
      <c r="I6" s="9"/>
      <c r="J6" s="9"/>
      <c r="K6" s="9"/>
      <c r="L6" s="9"/>
      <c r="M6" s="9"/>
      <c r="N6" s="6"/>
      <c r="O6" s="6"/>
      <c r="P6" s="6"/>
      <c r="Q6" s="9"/>
      <c r="R6" s="9"/>
      <c r="S6" s="9"/>
      <c r="T6" s="9"/>
      <c r="U6" s="9"/>
      <c r="V6" s="6"/>
      <c r="W6" s="6"/>
      <c r="X6" s="6"/>
      <c r="Y6" s="9"/>
    </row>
    <row r="7" spans="1:25" s="18" customFormat="1" ht="240.95" customHeight="1">
      <c r="A7" s="10" t="s">
        <v>202</v>
      </c>
      <c r="B7" s="13" t="s">
        <v>348</v>
      </c>
      <c r="C7" s="13" t="s">
        <v>291</v>
      </c>
      <c r="D7" s="10" t="s">
        <v>23</v>
      </c>
      <c r="E7" s="10" t="s">
        <v>24</v>
      </c>
      <c r="F7" s="10" t="s">
        <v>25</v>
      </c>
      <c r="G7" s="13" t="s">
        <v>304</v>
      </c>
      <c r="H7" s="10" t="s">
        <v>26</v>
      </c>
      <c r="I7" s="10" t="s">
        <v>27</v>
      </c>
      <c r="J7" s="10" t="s">
        <v>28</v>
      </c>
      <c r="K7" s="10" t="s">
        <v>349</v>
      </c>
      <c r="L7" s="10" t="s">
        <v>29</v>
      </c>
      <c r="M7" s="10" t="s">
        <v>30</v>
      </c>
      <c r="N7" s="7" t="s">
        <v>397</v>
      </c>
      <c r="O7" s="7" t="s">
        <v>289</v>
      </c>
      <c r="P7" s="7" t="s">
        <v>328</v>
      </c>
      <c r="Q7" s="10" t="s">
        <v>31</v>
      </c>
      <c r="R7" s="10" t="s">
        <v>329</v>
      </c>
      <c r="S7" s="10" t="s">
        <v>32</v>
      </c>
      <c r="T7" s="10" t="s">
        <v>33</v>
      </c>
      <c r="U7" s="10" t="s">
        <v>34</v>
      </c>
      <c r="V7" s="7" t="s">
        <v>396</v>
      </c>
      <c r="W7" s="13" t="s">
        <v>35</v>
      </c>
      <c r="X7" s="13" t="s">
        <v>36</v>
      </c>
      <c r="Y7" s="10" t="s">
        <v>346</v>
      </c>
    </row>
    <row r="8" spans="1:25" customFormat="1" ht="21.2" customHeight="1">
      <c r="A8" s="8">
        <v>75</v>
      </c>
      <c r="B8" s="8">
        <v>74</v>
      </c>
      <c r="C8" s="8">
        <v>73</v>
      </c>
      <c r="D8" s="12">
        <v>72</v>
      </c>
      <c r="E8" s="12">
        <v>71</v>
      </c>
      <c r="F8" s="12">
        <v>70</v>
      </c>
      <c r="G8" s="12">
        <v>69</v>
      </c>
      <c r="H8" s="12">
        <v>68</v>
      </c>
      <c r="I8" s="12">
        <v>67</v>
      </c>
      <c r="J8" s="12">
        <v>66</v>
      </c>
      <c r="K8" s="12">
        <v>65</v>
      </c>
      <c r="L8" s="12">
        <v>64</v>
      </c>
      <c r="M8" s="12">
        <v>63</v>
      </c>
      <c r="N8" s="12">
        <v>62</v>
      </c>
      <c r="O8" s="12">
        <v>61</v>
      </c>
      <c r="P8" s="12">
        <v>60</v>
      </c>
      <c r="Q8" s="12">
        <v>59</v>
      </c>
      <c r="R8" s="12">
        <v>58</v>
      </c>
      <c r="S8" s="12">
        <v>57</v>
      </c>
      <c r="T8" s="12">
        <v>56</v>
      </c>
      <c r="U8" s="12">
        <v>55</v>
      </c>
      <c r="V8" s="12">
        <v>54</v>
      </c>
      <c r="W8" s="8">
        <v>53</v>
      </c>
      <c r="X8" s="8">
        <v>52</v>
      </c>
      <c r="Y8" s="8">
        <v>51</v>
      </c>
    </row>
    <row r="9" spans="1:25" s="4" customFormat="1" ht="9.75" customHeight="1">
      <c r="A9" s="9"/>
      <c r="B9" s="9"/>
      <c r="C9" s="9"/>
      <c r="D9" s="6"/>
      <c r="E9" s="9"/>
      <c r="F9" s="6"/>
      <c r="G9" s="9"/>
      <c r="H9" s="9"/>
      <c r="I9" s="6"/>
      <c r="J9" s="9"/>
      <c r="K9" s="6"/>
      <c r="L9" s="9"/>
      <c r="M9" s="9"/>
      <c r="N9" s="9"/>
      <c r="O9" s="9"/>
      <c r="P9" s="6"/>
      <c r="Q9" s="9"/>
      <c r="R9" s="6"/>
      <c r="S9" s="6"/>
      <c r="T9" s="9"/>
      <c r="U9" s="9"/>
      <c r="V9" s="6"/>
      <c r="W9" s="9"/>
      <c r="X9" s="9"/>
      <c r="Y9" s="9"/>
    </row>
    <row r="10" spans="1:25" s="22" customFormat="1" ht="240.95" customHeight="1">
      <c r="A10" s="10" t="s">
        <v>207</v>
      </c>
      <c r="B10" s="10" t="s">
        <v>208</v>
      </c>
      <c r="C10" s="13" t="s">
        <v>308</v>
      </c>
      <c r="D10" s="13" t="s">
        <v>37</v>
      </c>
      <c r="E10" s="10" t="s">
        <v>38</v>
      </c>
      <c r="F10" s="13" t="s">
        <v>307</v>
      </c>
      <c r="G10" s="10" t="s">
        <v>39</v>
      </c>
      <c r="H10" s="10" t="s">
        <v>40</v>
      </c>
      <c r="I10" s="13" t="s">
        <v>41</v>
      </c>
      <c r="J10" s="10" t="s">
        <v>42</v>
      </c>
      <c r="K10" s="13" t="s">
        <v>43</v>
      </c>
      <c r="L10" s="10" t="s">
        <v>44</v>
      </c>
      <c r="M10" s="10" t="s">
        <v>45</v>
      </c>
      <c r="N10" s="10" t="s">
        <v>46</v>
      </c>
      <c r="O10" s="10" t="s">
        <v>399</v>
      </c>
      <c r="P10" s="13" t="s">
        <v>47</v>
      </c>
      <c r="Q10" s="10" t="s">
        <v>48</v>
      </c>
      <c r="R10" s="14" t="s">
        <v>350</v>
      </c>
      <c r="S10" s="7" t="s">
        <v>173</v>
      </c>
      <c r="T10" s="10" t="s">
        <v>49</v>
      </c>
      <c r="U10" s="10" t="s">
        <v>331</v>
      </c>
      <c r="V10" s="13" t="s">
        <v>50</v>
      </c>
      <c r="W10" s="10" t="s">
        <v>209</v>
      </c>
      <c r="X10" s="10" t="s">
        <v>210</v>
      </c>
      <c r="Y10" s="10" t="s">
        <v>330</v>
      </c>
    </row>
    <row r="11" spans="1:25" customFormat="1">
      <c r="A11" s="20"/>
      <c r="B11" s="20"/>
      <c r="C11" s="20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20"/>
      <c r="O11" s="20"/>
      <c r="P11" s="20"/>
      <c r="Q11" s="20"/>
      <c r="R11" s="20"/>
      <c r="S11" s="20"/>
      <c r="T11" s="20"/>
      <c r="U11" s="20"/>
      <c r="V11" s="20"/>
      <c r="W11" s="20"/>
      <c r="X11" s="20"/>
      <c r="Y11" s="20"/>
    </row>
    <row r="12" spans="1:25" customFormat="1" ht="21.2" customHeight="1">
      <c r="A12" s="8">
        <v>100</v>
      </c>
      <c r="B12" s="12">
        <v>99</v>
      </c>
      <c r="C12" s="12">
        <v>98</v>
      </c>
      <c r="D12" s="12">
        <v>97</v>
      </c>
      <c r="E12" s="12">
        <v>96</v>
      </c>
      <c r="F12" s="12">
        <v>95</v>
      </c>
      <c r="G12" s="12">
        <v>94</v>
      </c>
      <c r="H12" s="12">
        <v>93</v>
      </c>
      <c r="I12" s="12">
        <v>92</v>
      </c>
      <c r="J12" s="12">
        <v>91</v>
      </c>
      <c r="K12" s="12">
        <v>90</v>
      </c>
      <c r="L12" s="12">
        <v>89</v>
      </c>
      <c r="M12" s="12">
        <v>88</v>
      </c>
      <c r="N12" s="12">
        <v>87</v>
      </c>
      <c r="O12" s="12">
        <v>86</v>
      </c>
      <c r="P12" s="12">
        <v>85</v>
      </c>
      <c r="Q12" s="12">
        <v>84</v>
      </c>
      <c r="R12" s="12">
        <v>83</v>
      </c>
      <c r="S12" s="12">
        <v>82</v>
      </c>
      <c r="T12" s="12">
        <v>81</v>
      </c>
      <c r="U12" s="12">
        <v>80</v>
      </c>
      <c r="V12" s="12">
        <v>79</v>
      </c>
      <c r="W12" s="12">
        <v>78</v>
      </c>
      <c r="X12" s="8">
        <v>77</v>
      </c>
      <c r="Y12" s="8">
        <v>76</v>
      </c>
    </row>
    <row r="13" spans="1:25" ht="9" customHeight="1">
      <c r="A13" s="9"/>
      <c r="B13" s="6"/>
      <c r="C13" s="6"/>
      <c r="D13" s="9"/>
      <c r="E13" s="9"/>
      <c r="F13" s="9"/>
      <c r="G13" s="9"/>
      <c r="H13" s="9"/>
      <c r="I13" s="9"/>
      <c r="J13" s="6"/>
      <c r="K13" s="9"/>
      <c r="L13" s="9"/>
      <c r="M13" s="6"/>
      <c r="N13" s="9"/>
      <c r="O13" s="9"/>
      <c r="P13" s="9"/>
      <c r="Q13" s="9"/>
      <c r="R13" s="9"/>
      <c r="S13" s="9"/>
      <c r="T13" s="9"/>
      <c r="U13" s="9"/>
      <c r="V13" s="9"/>
      <c r="W13" s="9"/>
      <c r="X13" s="9"/>
      <c r="Y13" s="9"/>
    </row>
    <row r="14" spans="1:25" s="22" customFormat="1" ht="240.95" customHeight="1">
      <c r="A14" s="10" t="s">
        <v>222</v>
      </c>
      <c r="B14" s="13" t="s">
        <v>51</v>
      </c>
      <c r="C14" s="14" t="s">
        <v>52</v>
      </c>
      <c r="D14" s="10" t="s">
        <v>296</v>
      </c>
      <c r="E14" s="10" t="s">
        <v>53</v>
      </c>
      <c r="F14" s="10" t="s">
        <v>54</v>
      </c>
      <c r="G14" s="10" t="s">
        <v>55</v>
      </c>
      <c r="H14" s="10" t="s">
        <v>406</v>
      </c>
      <c r="I14" s="10" t="s">
        <v>297</v>
      </c>
      <c r="J14" s="13" t="s">
        <v>333</v>
      </c>
      <c r="K14" s="10" t="s">
        <v>56</v>
      </c>
      <c r="L14" s="13" t="s">
        <v>311</v>
      </c>
      <c r="M14" s="13" t="s">
        <v>57</v>
      </c>
      <c r="N14" s="10" t="s">
        <v>223</v>
      </c>
      <c r="O14" s="10" t="s">
        <v>224</v>
      </c>
      <c r="P14" s="10" t="s">
        <v>225</v>
      </c>
      <c r="Q14" s="10" t="s">
        <v>226</v>
      </c>
      <c r="R14" s="10" t="s">
        <v>335</v>
      </c>
      <c r="S14" s="10" t="s">
        <v>227</v>
      </c>
      <c r="T14" s="10" t="s">
        <v>228</v>
      </c>
      <c r="U14" s="10" t="s">
        <v>229</v>
      </c>
      <c r="V14" s="10" t="s">
        <v>230</v>
      </c>
      <c r="W14" s="10" t="s">
        <v>231</v>
      </c>
      <c r="X14" s="10" t="s">
        <v>232</v>
      </c>
      <c r="Y14" s="10" t="s">
        <v>233</v>
      </c>
    </row>
    <row r="15" spans="1:25" customFormat="1" ht="21" customHeight="1">
      <c r="A15" s="8">
        <v>125</v>
      </c>
      <c r="B15" s="8">
        <v>124</v>
      </c>
      <c r="C15" s="5">
        <v>123</v>
      </c>
      <c r="D15" s="8">
        <v>122</v>
      </c>
      <c r="E15" s="8">
        <v>121</v>
      </c>
      <c r="F15" s="8">
        <v>120</v>
      </c>
      <c r="G15" s="8">
        <v>119</v>
      </c>
      <c r="H15" s="8">
        <v>118</v>
      </c>
      <c r="I15" s="5">
        <v>117</v>
      </c>
      <c r="J15" s="8">
        <v>116</v>
      </c>
      <c r="K15" s="5">
        <v>115</v>
      </c>
      <c r="L15" s="8">
        <v>114</v>
      </c>
      <c r="M15" s="8">
        <v>113</v>
      </c>
      <c r="N15" s="8">
        <v>112</v>
      </c>
      <c r="O15" s="5">
        <v>111</v>
      </c>
      <c r="P15" s="8">
        <v>110</v>
      </c>
      <c r="Q15" s="8">
        <v>109</v>
      </c>
      <c r="R15" s="8">
        <v>108</v>
      </c>
      <c r="S15" s="8">
        <v>107</v>
      </c>
      <c r="T15" s="8">
        <v>106</v>
      </c>
      <c r="U15" s="8">
        <v>105</v>
      </c>
      <c r="V15" s="8">
        <v>104</v>
      </c>
      <c r="W15" s="8">
        <v>103</v>
      </c>
      <c r="X15" s="8">
        <v>102</v>
      </c>
      <c r="Y15" s="8">
        <v>101</v>
      </c>
    </row>
    <row r="16" spans="1:25" s="4" customFormat="1" ht="9.75" customHeight="1">
      <c r="A16" s="9"/>
      <c r="B16" s="9"/>
      <c r="C16" s="6"/>
      <c r="D16" s="9"/>
      <c r="E16" s="9"/>
      <c r="F16" s="9"/>
      <c r="G16" s="9"/>
      <c r="H16" s="9"/>
      <c r="I16" s="6"/>
      <c r="J16" s="9"/>
      <c r="K16" s="6"/>
      <c r="L16" s="9"/>
      <c r="M16" s="9"/>
      <c r="N16" s="9"/>
      <c r="O16" s="6"/>
      <c r="P16" s="9"/>
      <c r="Q16" s="9"/>
      <c r="R16" s="9"/>
      <c r="S16" s="9"/>
      <c r="T16" s="9"/>
      <c r="U16" s="9"/>
      <c r="V16" s="9"/>
      <c r="W16" s="9"/>
      <c r="X16" s="9"/>
      <c r="Y16" s="9"/>
    </row>
    <row r="17" spans="1:25" s="22" customFormat="1" ht="240.95" customHeight="1">
      <c r="A17" s="10" t="s">
        <v>300</v>
      </c>
      <c r="B17" s="10" t="s">
        <v>243</v>
      </c>
      <c r="C17" s="13" t="s">
        <v>58</v>
      </c>
      <c r="D17" s="10" t="s">
        <v>59</v>
      </c>
      <c r="E17" s="10" t="s">
        <v>60</v>
      </c>
      <c r="F17" s="10" t="s">
        <v>61</v>
      </c>
      <c r="G17" s="13" t="s">
        <v>351</v>
      </c>
      <c r="H17" s="10" t="s">
        <v>303</v>
      </c>
      <c r="I17" s="15" t="s">
        <v>62</v>
      </c>
      <c r="J17" s="10" t="s">
        <v>301</v>
      </c>
      <c r="K17" s="13" t="s">
        <v>315</v>
      </c>
      <c r="L17" s="10" t="s">
        <v>63</v>
      </c>
      <c r="M17" s="10" t="s">
        <v>64</v>
      </c>
      <c r="N17" s="10" t="s">
        <v>65</v>
      </c>
      <c r="O17" s="13" t="s">
        <v>66</v>
      </c>
      <c r="P17" s="10" t="s">
        <v>302</v>
      </c>
      <c r="Q17" s="10" t="s">
        <v>244</v>
      </c>
      <c r="R17" s="10" t="s">
        <v>245</v>
      </c>
      <c r="S17" s="10" t="s">
        <v>337</v>
      </c>
      <c r="T17" s="10" t="s">
        <v>246</v>
      </c>
      <c r="U17" s="10" t="s">
        <v>247</v>
      </c>
      <c r="V17" s="10" t="s">
        <v>248</v>
      </c>
      <c r="W17" s="10" t="s">
        <v>249</v>
      </c>
      <c r="X17" s="10" t="s">
        <v>250</v>
      </c>
      <c r="Y17" s="13" t="s">
        <v>313</v>
      </c>
    </row>
    <row r="18" spans="1:25" customFormat="1" ht="7.5" customHeight="1">
      <c r="A18" s="20"/>
      <c r="B18" s="20"/>
      <c r="C18" s="20"/>
      <c r="D18" s="20"/>
      <c r="E18" s="20"/>
      <c r="F18" s="20"/>
      <c r="G18" s="20"/>
      <c r="H18" s="20"/>
      <c r="I18" s="20"/>
      <c r="J18" s="20"/>
      <c r="K18" s="20"/>
      <c r="L18" s="20"/>
      <c r="M18" s="20"/>
      <c r="N18" s="20"/>
      <c r="O18" s="20"/>
      <c r="P18" s="20"/>
      <c r="Q18" s="20"/>
      <c r="R18" s="20"/>
      <c r="S18" s="20"/>
      <c r="T18" s="20"/>
      <c r="U18" s="20"/>
      <c r="V18" s="20"/>
      <c r="W18" s="20"/>
      <c r="X18" s="20"/>
      <c r="Y18" s="20"/>
    </row>
    <row r="19" spans="1:25" customFormat="1" ht="21" customHeight="1">
      <c r="A19" s="8">
        <v>150</v>
      </c>
      <c r="B19" s="8">
        <v>149</v>
      </c>
      <c r="C19" s="12">
        <v>148</v>
      </c>
      <c r="D19" s="12">
        <v>147</v>
      </c>
      <c r="E19" s="12">
        <v>146</v>
      </c>
      <c r="F19" s="12">
        <v>145</v>
      </c>
      <c r="G19" s="12">
        <v>144</v>
      </c>
      <c r="H19" s="12">
        <v>143</v>
      </c>
      <c r="I19" s="12">
        <v>142</v>
      </c>
      <c r="J19" s="12">
        <v>141</v>
      </c>
      <c r="K19" s="12">
        <v>140</v>
      </c>
      <c r="L19" s="12">
        <v>139</v>
      </c>
      <c r="M19" s="12">
        <v>138</v>
      </c>
      <c r="N19" s="12">
        <v>137</v>
      </c>
      <c r="O19" s="12">
        <v>136</v>
      </c>
      <c r="P19" s="12">
        <v>135</v>
      </c>
      <c r="Q19" s="12">
        <v>134</v>
      </c>
      <c r="R19" s="12">
        <v>133</v>
      </c>
      <c r="S19" s="12">
        <v>132</v>
      </c>
      <c r="T19" s="12">
        <v>131</v>
      </c>
      <c r="U19" s="12">
        <v>130</v>
      </c>
      <c r="V19" s="12">
        <v>129</v>
      </c>
      <c r="W19" s="12">
        <v>128</v>
      </c>
      <c r="X19" s="8">
        <v>127</v>
      </c>
      <c r="Y19" s="8">
        <v>126</v>
      </c>
    </row>
    <row r="20" spans="1:25" ht="9" customHeight="1">
      <c r="A20" s="9"/>
      <c r="B20" s="9"/>
      <c r="C20" s="9"/>
      <c r="D20" s="9"/>
      <c r="E20" s="9"/>
      <c r="F20" s="9"/>
      <c r="G20" s="9"/>
      <c r="H20" s="9"/>
      <c r="I20" s="9"/>
      <c r="J20" s="9"/>
      <c r="K20" s="9"/>
      <c r="L20" s="6"/>
      <c r="M20" s="9"/>
      <c r="N20" s="9"/>
      <c r="O20" s="9"/>
      <c r="P20" s="9"/>
      <c r="Q20" s="9"/>
      <c r="R20" s="6"/>
      <c r="S20" s="9"/>
      <c r="T20" s="9"/>
      <c r="U20" s="6"/>
      <c r="V20" s="9"/>
      <c r="W20" s="9"/>
      <c r="X20" s="9"/>
      <c r="Y20" s="9"/>
    </row>
    <row r="21" spans="1:25" s="22" customFormat="1" ht="240.95" customHeight="1">
      <c r="A21" s="10" t="s">
        <v>263</v>
      </c>
      <c r="B21" s="10" t="s">
        <v>264</v>
      </c>
      <c r="C21" s="10" t="s">
        <v>265</v>
      </c>
      <c r="D21" s="10" t="s">
        <v>266</v>
      </c>
      <c r="E21" s="10" t="s">
        <v>267</v>
      </c>
      <c r="F21" s="10" t="s">
        <v>268</v>
      </c>
      <c r="G21" s="26" t="s">
        <v>352</v>
      </c>
      <c r="H21" s="10" t="s">
        <v>269</v>
      </c>
      <c r="I21" s="10" t="s">
        <v>270</v>
      </c>
      <c r="J21" s="10" t="s">
        <v>340</v>
      </c>
      <c r="K21" s="10" t="s">
        <v>271</v>
      </c>
      <c r="L21" s="13" t="s">
        <v>67</v>
      </c>
      <c r="M21" s="10" t="s">
        <v>68</v>
      </c>
      <c r="N21" s="10" t="s">
        <v>69</v>
      </c>
      <c r="O21" s="10" t="s">
        <v>339</v>
      </c>
      <c r="P21" s="10" t="s">
        <v>70</v>
      </c>
      <c r="Q21" s="10" t="s">
        <v>71</v>
      </c>
      <c r="R21" s="13" t="s">
        <v>72</v>
      </c>
      <c r="S21" s="10" t="s">
        <v>73</v>
      </c>
      <c r="T21" s="10" t="s">
        <v>74</v>
      </c>
      <c r="U21" s="13" t="s">
        <v>317</v>
      </c>
      <c r="V21" s="10" t="s">
        <v>272</v>
      </c>
      <c r="W21" s="10" t="s">
        <v>273</v>
      </c>
      <c r="X21" s="10" t="s">
        <v>274</v>
      </c>
      <c r="Y21" s="13" t="s">
        <v>353</v>
      </c>
    </row>
    <row r="22" spans="1:25" customFormat="1" ht="240.75" hidden="1" customHeight="1">
      <c r="A22" s="10"/>
      <c r="B22" s="10"/>
      <c r="C22" s="10"/>
      <c r="D22" s="10"/>
      <c r="E22" s="10"/>
      <c r="F22" s="10"/>
      <c r="G22" s="10"/>
      <c r="H22" s="10"/>
      <c r="I22" s="10"/>
      <c r="J22" s="10"/>
      <c r="K22" s="10"/>
      <c r="L22" s="10"/>
      <c r="M22" s="10"/>
      <c r="N22" s="10"/>
      <c r="O22" s="10"/>
      <c r="P22" s="10"/>
      <c r="Q22" s="10"/>
      <c r="R22" s="10"/>
      <c r="S22" s="10"/>
      <c r="T22" s="10"/>
      <c r="U22" s="10"/>
      <c r="V22" s="10"/>
      <c r="W22" s="10"/>
      <c r="X22" s="10"/>
      <c r="Y22" s="10"/>
    </row>
    <row r="23" spans="1:25" customFormat="1" ht="21" customHeight="1">
      <c r="A23" s="8">
        <v>175</v>
      </c>
      <c r="B23" s="12">
        <v>174</v>
      </c>
      <c r="C23" s="12">
        <v>173</v>
      </c>
      <c r="D23" s="12">
        <v>172</v>
      </c>
      <c r="E23" s="12">
        <v>171</v>
      </c>
      <c r="F23" s="12">
        <v>170</v>
      </c>
      <c r="G23" s="12">
        <v>169</v>
      </c>
      <c r="H23" s="12">
        <v>168</v>
      </c>
      <c r="I23" s="12">
        <v>167</v>
      </c>
      <c r="J23" s="12">
        <v>166</v>
      </c>
      <c r="K23" s="12">
        <v>165</v>
      </c>
      <c r="L23" s="12">
        <v>164</v>
      </c>
      <c r="M23" s="12">
        <v>163</v>
      </c>
      <c r="N23" s="12">
        <v>162</v>
      </c>
      <c r="O23" s="12">
        <v>161</v>
      </c>
      <c r="P23" s="12">
        <v>160</v>
      </c>
      <c r="Q23" s="12">
        <v>159</v>
      </c>
      <c r="R23" s="12">
        <v>158</v>
      </c>
      <c r="S23" s="12">
        <v>157</v>
      </c>
      <c r="T23" s="12">
        <v>156</v>
      </c>
      <c r="U23" s="12">
        <v>155</v>
      </c>
      <c r="V23" s="12">
        <v>154</v>
      </c>
      <c r="W23" s="8">
        <v>153</v>
      </c>
      <c r="X23" s="8">
        <v>152</v>
      </c>
      <c r="Y23" s="8">
        <v>151</v>
      </c>
    </row>
    <row r="24" spans="1:25" s="4" customFormat="1" ht="9.75" customHeight="1">
      <c r="A24" s="9"/>
      <c r="B24" s="16"/>
      <c r="C24" s="16"/>
      <c r="D24" s="16"/>
      <c r="E24" s="16"/>
      <c r="F24" s="16"/>
      <c r="G24" s="16"/>
      <c r="H24" s="16"/>
      <c r="I24" s="16"/>
      <c r="J24" s="16"/>
      <c r="K24" s="16"/>
      <c r="L24" s="16"/>
      <c r="M24" s="16"/>
      <c r="N24" s="16"/>
      <c r="O24" s="16"/>
      <c r="P24" s="16"/>
      <c r="Q24" s="16"/>
      <c r="R24" s="16"/>
      <c r="S24" s="16"/>
      <c r="T24" s="16"/>
      <c r="U24" s="16"/>
      <c r="V24" s="16"/>
      <c r="W24" s="9"/>
      <c r="X24" s="9"/>
      <c r="Y24" s="9"/>
    </row>
    <row r="25" spans="1:25" s="22" customFormat="1" ht="240.95" customHeight="1">
      <c r="A25" s="10" t="s">
        <v>279</v>
      </c>
      <c r="B25" s="17" t="s">
        <v>75</v>
      </c>
      <c r="C25" s="17" t="s">
        <v>342</v>
      </c>
      <c r="D25" s="17" t="s">
        <v>76</v>
      </c>
      <c r="E25" s="17" t="s">
        <v>77</v>
      </c>
      <c r="F25" s="17" t="s">
        <v>78</v>
      </c>
      <c r="G25" s="17" t="s">
        <v>79</v>
      </c>
      <c r="H25" s="17" t="s">
        <v>80</v>
      </c>
      <c r="I25" s="17" t="s">
        <v>81</v>
      </c>
      <c r="J25" s="17" t="s">
        <v>82</v>
      </c>
      <c r="K25" s="13" t="s">
        <v>354</v>
      </c>
      <c r="L25" s="10" t="s">
        <v>355</v>
      </c>
      <c r="M25" s="10" t="s">
        <v>356</v>
      </c>
      <c r="N25" s="17" t="s">
        <v>83</v>
      </c>
      <c r="O25" s="17" t="s">
        <v>84</v>
      </c>
      <c r="P25" s="17" t="s">
        <v>85</v>
      </c>
      <c r="Q25" s="17" t="s">
        <v>319</v>
      </c>
      <c r="R25" s="17" t="s">
        <v>86</v>
      </c>
      <c r="S25" s="17" t="s">
        <v>87</v>
      </c>
      <c r="T25" s="17" t="s">
        <v>175</v>
      </c>
      <c r="U25" s="17" t="s">
        <v>88</v>
      </c>
      <c r="V25" s="17" t="s">
        <v>89</v>
      </c>
      <c r="W25" s="10" t="s">
        <v>280</v>
      </c>
      <c r="X25" s="10" t="s">
        <v>281</v>
      </c>
      <c r="Y25" s="10" t="s">
        <v>282</v>
      </c>
    </row>
    <row r="26" spans="1:25" customFormat="1" ht="9.75" customHeight="1">
      <c r="A26" s="20"/>
      <c r="B26" s="20"/>
      <c r="C26" s="20"/>
      <c r="D26" s="20"/>
      <c r="E26" s="20"/>
      <c r="F26" s="20"/>
      <c r="G26" s="20"/>
      <c r="H26" s="20"/>
      <c r="I26" s="20"/>
      <c r="J26" s="20"/>
      <c r="K26" s="20"/>
      <c r="L26" s="20"/>
      <c r="M26" s="20"/>
      <c r="N26" s="20"/>
      <c r="O26" s="20"/>
      <c r="P26" s="20"/>
      <c r="Q26" s="20"/>
      <c r="R26" s="20"/>
      <c r="S26" s="20"/>
      <c r="T26" s="20"/>
      <c r="U26" s="20"/>
      <c r="V26" s="20"/>
      <c r="W26" s="20"/>
      <c r="X26" s="20"/>
      <c r="Y26" s="20"/>
    </row>
    <row r="27" spans="1:25" customFormat="1" ht="18.75">
      <c r="A27" s="12">
        <v>200</v>
      </c>
      <c r="B27" s="12">
        <v>199</v>
      </c>
      <c r="C27" s="12">
        <v>198</v>
      </c>
      <c r="D27" s="12">
        <v>197</v>
      </c>
      <c r="E27" s="12">
        <v>196</v>
      </c>
      <c r="F27" s="12">
        <v>195</v>
      </c>
      <c r="G27" s="12">
        <v>194</v>
      </c>
      <c r="H27" s="12">
        <v>193</v>
      </c>
      <c r="I27" s="12">
        <v>192</v>
      </c>
      <c r="J27" s="12">
        <v>191</v>
      </c>
      <c r="K27" s="12">
        <v>190</v>
      </c>
      <c r="L27" s="12">
        <v>189</v>
      </c>
      <c r="M27" s="12">
        <v>188</v>
      </c>
      <c r="N27" s="12">
        <v>187</v>
      </c>
      <c r="O27" s="12">
        <v>186</v>
      </c>
      <c r="P27" s="12">
        <v>185</v>
      </c>
      <c r="Q27" s="12">
        <v>184</v>
      </c>
      <c r="R27" s="12">
        <v>183</v>
      </c>
      <c r="S27" s="12">
        <v>182</v>
      </c>
      <c r="T27" s="12">
        <v>181</v>
      </c>
      <c r="U27" s="12">
        <v>180</v>
      </c>
      <c r="V27" s="12">
        <v>179</v>
      </c>
      <c r="W27" s="12">
        <v>178</v>
      </c>
      <c r="X27" s="12">
        <v>177</v>
      </c>
      <c r="Y27" s="5">
        <v>176</v>
      </c>
    </row>
    <row r="28" spans="1:25" customFormat="1" ht="7.5" customHeight="1">
      <c r="A28" s="16"/>
      <c r="B28" s="16"/>
      <c r="C28" s="16"/>
      <c r="D28" s="16"/>
      <c r="E28" s="16"/>
      <c r="F28" s="16"/>
      <c r="G28" s="16"/>
      <c r="H28" s="16"/>
      <c r="I28" s="16"/>
      <c r="J28" s="16"/>
      <c r="K28" s="16"/>
      <c r="L28" s="16"/>
      <c r="M28" s="16"/>
      <c r="N28" s="16"/>
      <c r="O28" s="16"/>
      <c r="P28" s="16"/>
      <c r="Q28" s="16"/>
      <c r="R28" s="16"/>
      <c r="S28" s="16"/>
      <c r="T28" s="16"/>
      <c r="U28" s="16"/>
      <c r="V28" s="16"/>
      <c r="W28" s="16"/>
      <c r="X28" s="16"/>
      <c r="Y28" s="9"/>
    </row>
    <row r="29" spans="1:25" s="24" customFormat="1" ht="240.95" customHeight="1">
      <c r="A29" s="17" t="s">
        <v>90</v>
      </c>
      <c r="B29" s="17" t="s">
        <v>91</v>
      </c>
      <c r="C29" s="17" t="s">
        <v>92</v>
      </c>
      <c r="D29" s="17" t="s">
        <v>93</v>
      </c>
      <c r="E29" s="17" t="s">
        <v>94</v>
      </c>
      <c r="F29" s="17" t="s">
        <v>95</v>
      </c>
      <c r="G29" s="17" t="s">
        <v>96</v>
      </c>
      <c r="H29" s="10" t="s">
        <v>325</v>
      </c>
      <c r="I29" s="17" t="s">
        <v>97</v>
      </c>
      <c r="J29" s="17" t="s">
        <v>357</v>
      </c>
      <c r="K29" s="17" t="s">
        <v>98</v>
      </c>
      <c r="L29" s="17" t="s">
        <v>99</v>
      </c>
      <c r="M29" s="10" t="s">
        <v>358</v>
      </c>
      <c r="N29" s="17" t="s">
        <v>100</v>
      </c>
      <c r="O29" s="10" t="s">
        <v>323</v>
      </c>
      <c r="P29" s="17" t="s">
        <v>344</v>
      </c>
      <c r="Q29" s="17" t="s">
        <v>101</v>
      </c>
      <c r="R29" s="10" t="s">
        <v>359</v>
      </c>
      <c r="S29" s="10" t="s">
        <v>360</v>
      </c>
      <c r="T29" s="17" t="s">
        <v>102</v>
      </c>
      <c r="U29" s="17" t="s">
        <v>103</v>
      </c>
      <c r="V29" s="17" t="s">
        <v>320</v>
      </c>
      <c r="W29" s="17" t="s">
        <v>179</v>
      </c>
      <c r="X29" s="17" t="s">
        <v>180</v>
      </c>
      <c r="Y29" s="13" t="s">
        <v>287</v>
      </c>
    </row>
    <row r="30" spans="1:25">
      <c r="A30" s="3"/>
      <c r="B30" s="3"/>
      <c r="C30" s="3"/>
      <c r="D30" s="3"/>
      <c r="E30" s="3"/>
      <c r="F30" s="3"/>
      <c r="G30" s="3"/>
      <c r="H30" s="3"/>
      <c r="I30" s="3"/>
      <c r="J30" s="3"/>
      <c r="K30" s="3"/>
      <c r="L30" s="3"/>
      <c r="M30" s="3"/>
      <c r="N30" s="3"/>
      <c r="O30" s="3"/>
      <c r="P30" s="3"/>
      <c r="Q30" s="3"/>
      <c r="R30" s="3"/>
      <c r="S30" s="3"/>
      <c r="T30" s="3"/>
      <c r="U30" s="3"/>
      <c r="V30" s="3"/>
      <c r="W30" s="3"/>
      <c r="X30" s="3"/>
      <c r="Y30" s="3"/>
    </row>
    <row r="31" spans="1:25">
      <c r="A31" s="3"/>
      <c r="B31" s="3"/>
      <c r="C31" s="3"/>
      <c r="D31" s="3"/>
      <c r="E31" s="3"/>
      <c r="F31" s="3"/>
      <c r="G31" s="3"/>
      <c r="H31" s="3"/>
      <c r="I31" s="3"/>
      <c r="J31" s="3"/>
      <c r="K31" s="3"/>
      <c r="L31" s="3"/>
      <c r="M31" s="3"/>
      <c r="N31" s="3"/>
      <c r="O31" s="3"/>
      <c r="P31" s="3"/>
      <c r="Q31" s="3"/>
      <c r="R31" s="3"/>
      <c r="S31" s="3"/>
      <c r="T31" s="3"/>
      <c r="U31" s="3"/>
      <c r="V31" s="3"/>
      <c r="W31" s="3"/>
      <c r="X31" s="3"/>
      <c r="Y31" s="3"/>
    </row>
    <row r="32" spans="1:25">
      <c r="A32" s="3"/>
      <c r="B32" s="3"/>
      <c r="C32" s="3"/>
      <c r="D32" s="3"/>
      <c r="E32" s="3"/>
      <c r="F32" s="3"/>
      <c r="G32" s="3"/>
      <c r="H32" s="3"/>
      <c r="I32" s="3"/>
      <c r="J32" s="3"/>
      <c r="K32" s="3"/>
      <c r="L32" s="3"/>
      <c r="M32" s="3"/>
      <c r="N32" s="3"/>
      <c r="O32" s="3"/>
      <c r="P32" s="3"/>
      <c r="Q32" s="3"/>
      <c r="R32" s="3"/>
      <c r="S32" s="3"/>
      <c r="T32" s="3"/>
      <c r="U32" s="3"/>
      <c r="V32" s="3"/>
      <c r="W32" s="3"/>
      <c r="X32" s="3"/>
      <c r="Y32" s="3"/>
    </row>
    <row r="33" spans="1:25">
      <c r="A33" s="3"/>
      <c r="B33" s="3"/>
      <c r="C33" s="3"/>
      <c r="D33" s="3"/>
      <c r="E33" s="3"/>
      <c r="F33" s="3"/>
      <c r="G33" s="3"/>
      <c r="H33" s="3"/>
      <c r="I33" s="3"/>
      <c r="J33" s="3"/>
      <c r="K33" s="3"/>
      <c r="L33" s="3"/>
      <c r="M33" s="3"/>
      <c r="N33" s="3"/>
      <c r="O33" s="3"/>
      <c r="P33" s="3"/>
      <c r="Q33" s="3"/>
      <c r="R33" s="3"/>
      <c r="S33" s="3"/>
      <c r="T33" s="3"/>
      <c r="U33" s="3"/>
      <c r="V33" s="3"/>
      <c r="W33" s="3"/>
      <c r="X33" s="3"/>
      <c r="Y33" s="3"/>
    </row>
    <row r="34" spans="1:25">
      <c r="A34" s="3"/>
      <c r="B34" s="3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</row>
    <row r="35" spans="1:25">
      <c r="A35" s="3"/>
      <c r="B35" s="3"/>
      <c r="C35" s="3"/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</row>
    <row r="36" spans="1:25">
      <c r="A36" s="3"/>
      <c r="B36" s="3"/>
      <c r="C36" s="3"/>
      <c r="D36" s="3"/>
      <c r="E36" s="3"/>
      <c r="F36" s="3"/>
      <c r="G36" s="3"/>
      <c r="H36" s="3"/>
      <c r="I36" s="3"/>
      <c r="J36" s="3"/>
      <c r="K36" s="3"/>
      <c r="L36" s="3"/>
      <c r="M36" s="3"/>
      <c r="N36" s="3"/>
      <c r="O36" s="3"/>
      <c r="P36" s="3"/>
      <c r="Q36" s="3"/>
      <c r="R36" s="3"/>
      <c r="S36" s="3"/>
      <c r="T36" s="3"/>
      <c r="U36" s="3"/>
      <c r="V36" s="3"/>
      <c r="W36" s="3"/>
      <c r="X36" s="3"/>
      <c r="Y36" s="3"/>
    </row>
    <row r="37" spans="1:25">
      <c r="A37" s="3"/>
      <c r="B37" s="3"/>
      <c r="C37" s="3"/>
      <c r="D37" s="3"/>
      <c r="E37" s="3"/>
      <c r="F37" s="3"/>
      <c r="G37" s="3"/>
      <c r="H37" s="3"/>
      <c r="I37" s="3"/>
      <c r="J37" s="3"/>
      <c r="K37" s="3"/>
      <c r="L37" s="3"/>
      <c r="M37" s="3"/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</row>
    <row r="38" spans="1:25">
      <c r="A38" s="3"/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  <c r="Y38" s="3"/>
    </row>
    <row r="39" spans="1:25">
      <c r="A39" s="3"/>
      <c r="B39" s="3"/>
      <c r="C39" s="3"/>
      <c r="D39" s="3"/>
      <c r="E39" s="3"/>
      <c r="F39" s="3"/>
      <c r="G39" s="3"/>
      <c r="H39" s="3"/>
      <c r="I39" s="3"/>
      <c r="J39" s="3"/>
      <c r="K39" s="3"/>
      <c r="L39" s="3"/>
      <c r="M39" s="3"/>
      <c r="N39" s="3"/>
      <c r="O39" s="3"/>
      <c r="P39" s="3"/>
      <c r="Q39" s="3"/>
      <c r="R39" s="3"/>
      <c r="S39" s="3"/>
      <c r="T39" s="3"/>
      <c r="U39" s="3"/>
      <c r="V39" s="3"/>
      <c r="W39" s="3"/>
      <c r="X39" s="3"/>
      <c r="Y39" s="3"/>
    </row>
    <row r="40" spans="1:25">
      <c r="A40" s="3"/>
      <c r="B40" s="3"/>
      <c r="C40" s="3"/>
      <c r="D40" s="3"/>
      <c r="E40" s="3"/>
      <c r="F40" s="3"/>
      <c r="G40" s="3"/>
      <c r="H40" s="3"/>
      <c r="I40" s="3"/>
      <c r="J40" s="3"/>
      <c r="K40" s="3"/>
      <c r="L40" s="3"/>
      <c r="M40" s="3"/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  <c r="Y40" s="3"/>
    </row>
    <row r="41" spans="1:25">
      <c r="A41" s="3"/>
      <c r="B41" s="3"/>
      <c r="C41" s="3"/>
      <c r="D41" s="3"/>
      <c r="E41" s="3"/>
      <c r="F41" s="3"/>
      <c r="G41" s="3"/>
      <c r="H41" s="3"/>
      <c r="I41" s="3"/>
      <c r="J41" s="3"/>
      <c r="K41" s="3"/>
      <c r="L41" s="3"/>
      <c r="M41" s="3"/>
      <c r="N41" s="3"/>
      <c r="O41" s="3"/>
      <c r="P41" s="3"/>
      <c r="Q41" s="3"/>
      <c r="R41" s="3"/>
      <c r="S41" s="3"/>
      <c r="T41" s="3"/>
      <c r="U41" s="3"/>
      <c r="V41" s="3"/>
      <c r="W41" s="3"/>
      <c r="X41" s="3"/>
      <c r="Y41" s="3"/>
    </row>
    <row r="42" spans="1:25">
      <c r="A42" s="3"/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</row>
    <row r="43" spans="1:25">
      <c r="A43" s="3"/>
      <c r="B43" s="3"/>
      <c r="C43" s="3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</row>
    <row r="44" spans="1:25">
      <c r="A44" s="3"/>
      <c r="B44" s="3"/>
      <c r="C44" s="3"/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</row>
    <row r="45" spans="1:25">
      <c r="A45" s="3"/>
      <c r="B45" s="3"/>
      <c r="C45" s="3"/>
      <c r="D45" s="3"/>
      <c r="E45" s="3"/>
      <c r="F45" s="3"/>
      <c r="G45" s="3"/>
      <c r="H45" s="3"/>
      <c r="I45" s="3"/>
      <c r="J45" s="3"/>
      <c r="K45" s="3"/>
      <c r="L45" s="3"/>
      <c r="M45" s="3"/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  <c r="Y45" s="3"/>
    </row>
    <row r="46" spans="1:25">
      <c r="A46" s="3"/>
      <c r="B46" s="3"/>
      <c r="C46" s="3"/>
      <c r="D46" s="3"/>
      <c r="E46" s="3"/>
      <c r="F46" s="3"/>
      <c r="G46" s="3"/>
      <c r="H46" s="3"/>
      <c r="I46" s="3"/>
      <c r="J46" s="3"/>
      <c r="K46" s="3"/>
      <c r="L46" s="3"/>
      <c r="M46" s="3"/>
      <c r="N46" s="3"/>
      <c r="O46" s="3"/>
      <c r="P46" s="3"/>
      <c r="Q46" s="3"/>
      <c r="R46" s="3"/>
      <c r="S46" s="3"/>
      <c r="T46" s="3"/>
      <c r="U46" s="3"/>
      <c r="V46" s="3"/>
      <c r="W46" s="3"/>
      <c r="X46" s="3"/>
      <c r="Y46" s="3"/>
    </row>
    <row r="47" spans="1:25">
      <c r="A47" s="3"/>
      <c r="B47" s="3"/>
      <c r="C47" s="3"/>
      <c r="D47" s="3"/>
      <c r="E47" s="3"/>
      <c r="F47" s="3"/>
      <c r="G47" s="3"/>
      <c r="H47" s="3"/>
      <c r="I47" s="3"/>
      <c r="J47" s="3"/>
      <c r="K47" s="3"/>
      <c r="L47" s="3"/>
      <c r="M47" s="3"/>
      <c r="N47" s="3"/>
      <c r="O47" s="3"/>
      <c r="P47" s="3"/>
      <c r="Q47" s="3"/>
      <c r="R47" s="3"/>
      <c r="S47" s="3"/>
      <c r="T47" s="3"/>
      <c r="U47" s="3"/>
      <c r="V47" s="3"/>
      <c r="W47" s="3"/>
      <c r="X47" s="3"/>
      <c r="Y47" s="3"/>
    </row>
    <row r="48" spans="1:25">
      <c r="A48" s="3"/>
      <c r="B48" s="3"/>
      <c r="C48" s="3"/>
      <c r="D48" s="3"/>
      <c r="E48" s="3"/>
      <c r="F48" s="3"/>
      <c r="G48" s="3"/>
      <c r="H48" s="3"/>
      <c r="I48" s="3"/>
      <c r="J48" s="3"/>
      <c r="K48" s="3"/>
      <c r="L48" s="3"/>
      <c r="M48" s="3"/>
      <c r="N48" s="3"/>
      <c r="O48" s="3"/>
      <c r="P48" s="3"/>
      <c r="Q48" s="3"/>
      <c r="R48" s="3"/>
      <c r="S48" s="3"/>
      <c r="T48" s="3"/>
      <c r="U48" s="3"/>
      <c r="V48" s="3"/>
      <c r="W48" s="3"/>
      <c r="X48" s="3"/>
      <c r="Y48" s="3"/>
    </row>
    <row r="49" spans="1:25">
      <c r="A49" s="3"/>
      <c r="B49" s="3"/>
      <c r="C49" s="3"/>
      <c r="D49" s="3"/>
      <c r="E49" s="3"/>
      <c r="F49" s="3"/>
      <c r="G49" s="3"/>
      <c r="H49" s="3"/>
      <c r="I49" s="3"/>
      <c r="J49" s="3"/>
      <c r="K49" s="3"/>
      <c r="L49" s="3"/>
      <c r="M49" s="3"/>
      <c r="N49" s="3"/>
      <c r="O49" s="3"/>
      <c r="P49" s="3"/>
      <c r="Q49" s="3"/>
      <c r="R49" s="3"/>
      <c r="S49" s="3"/>
      <c r="T49" s="3"/>
      <c r="U49" s="3"/>
      <c r="V49" s="3"/>
      <c r="W49" s="3"/>
      <c r="X49" s="3"/>
      <c r="Y49" s="3"/>
    </row>
  </sheetData>
  <phoneticPr fontId="1"/>
  <pageMargins left="0.31496062992125984" right="0.31496062992125984" top="0.62992125984251968" bottom="0.55118110236220474" header="0.31496062992125984" footer="0.35433070866141736"/>
  <pageSetup paperSize="9" orientation="landscape" r:id="rId1"/>
  <headerFooter>
    <oddHeader>&amp;C&amp;"HGS教科書体,ﾒﾃﾞｨｳﾑ"&amp;16令和2年度印西漢字マスター　５・６級（読み）練習問題　　　　学校　　年　　組　名前[　　　　　　　]</oddHeader>
    <oddFooter xml:space="preserve">&amp;C&amp;P / &amp;N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Y50"/>
  <sheetViews>
    <sheetView showGridLines="0" showRowColHeaders="0" showRuler="0" zoomScaleNormal="100" workbookViewId="0">
      <selection activeCell="Y3" sqref="Y3"/>
    </sheetView>
  </sheetViews>
  <sheetFormatPr defaultColWidth="8.875" defaultRowHeight="13.5"/>
  <cols>
    <col min="1" max="25" width="5.625" style="1" customWidth="1"/>
    <col min="26" max="16384" width="8.875" style="1"/>
  </cols>
  <sheetData>
    <row r="1" spans="1:25" ht="21.2" customHeight="1">
      <c r="A1" s="8">
        <v>25</v>
      </c>
      <c r="B1" s="8">
        <v>24</v>
      </c>
      <c r="C1" s="8">
        <v>23</v>
      </c>
      <c r="D1" s="8">
        <v>22</v>
      </c>
      <c r="E1" s="8">
        <v>21</v>
      </c>
      <c r="F1" s="8">
        <v>20</v>
      </c>
      <c r="G1" s="8">
        <v>19</v>
      </c>
      <c r="H1" s="8">
        <v>18</v>
      </c>
      <c r="I1" s="8">
        <v>17</v>
      </c>
      <c r="J1" s="8">
        <v>16</v>
      </c>
      <c r="K1" s="8">
        <v>15</v>
      </c>
      <c r="L1" s="5">
        <v>14</v>
      </c>
      <c r="M1" s="8">
        <v>13</v>
      </c>
      <c r="N1" s="8">
        <v>12</v>
      </c>
      <c r="O1" s="8">
        <v>11</v>
      </c>
      <c r="P1" s="8">
        <v>10</v>
      </c>
      <c r="Q1" s="8">
        <v>9</v>
      </c>
      <c r="R1" s="8">
        <v>8</v>
      </c>
      <c r="S1" s="8">
        <v>7</v>
      </c>
      <c r="T1" s="8">
        <v>6</v>
      </c>
      <c r="U1" s="8">
        <v>5</v>
      </c>
      <c r="V1" s="8">
        <v>4</v>
      </c>
      <c r="W1" s="8">
        <v>3</v>
      </c>
      <c r="X1" s="8">
        <v>2</v>
      </c>
      <c r="Y1" s="8">
        <v>1</v>
      </c>
    </row>
    <row r="2" spans="1:25" s="2" customFormat="1" ht="9.75" customHeight="1">
      <c r="A2" s="9"/>
      <c r="B2" s="9"/>
      <c r="C2" s="9"/>
      <c r="D2" s="9"/>
      <c r="E2" s="9"/>
      <c r="F2" s="9"/>
      <c r="G2" s="9"/>
      <c r="H2" s="9"/>
      <c r="I2" s="9"/>
      <c r="J2" s="9"/>
      <c r="K2" s="9"/>
      <c r="L2" s="6"/>
      <c r="M2" s="9"/>
      <c r="N2" s="9"/>
      <c r="O2" s="9"/>
      <c r="P2" s="9"/>
      <c r="Q2" s="9"/>
      <c r="R2" s="9"/>
      <c r="S2" s="9"/>
      <c r="T2" s="9"/>
      <c r="U2" s="9"/>
      <c r="V2" s="9"/>
      <c r="W2" s="9"/>
      <c r="X2" s="9"/>
      <c r="Y2" s="9"/>
    </row>
    <row r="3" spans="1:25" s="18" customFormat="1" ht="240.95" customHeight="1">
      <c r="A3" s="10" t="s">
        <v>181</v>
      </c>
      <c r="B3" s="10" t="s">
        <v>182</v>
      </c>
      <c r="C3" s="10" t="s">
        <v>183</v>
      </c>
      <c r="D3" s="10" t="s">
        <v>184</v>
      </c>
      <c r="E3" s="10" t="s">
        <v>185</v>
      </c>
      <c r="F3" s="10" t="s">
        <v>361</v>
      </c>
      <c r="G3" s="10" t="s">
        <v>186</v>
      </c>
      <c r="H3" s="10" t="s">
        <v>187</v>
      </c>
      <c r="I3" s="10" t="s">
        <v>188</v>
      </c>
      <c r="J3" s="10" t="s">
        <v>189</v>
      </c>
      <c r="K3" s="10" t="s">
        <v>190</v>
      </c>
      <c r="L3" s="7" t="s">
        <v>392</v>
      </c>
      <c r="M3" s="10" t="s">
        <v>362</v>
      </c>
      <c r="N3" s="10" t="s">
        <v>191</v>
      </c>
      <c r="O3" s="10" t="s">
        <v>192</v>
      </c>
      <c r="P3" s="10" t="s">
        <v>363</v>
      </c>
      <c r="Q3" s="10" t="s">
        <v>193</v>
      </c>
      <c r="R3" s="10" t="s">
        <v>407</v>
      </c>
      <c r="S3" s="10" t="s">
        <v>194</v>
      </c>
      <c r="T3" s="10" t="s">
        <v>195</v>
      </c>
      <c r="U3" s="10" t="s">
        <v>196</v>
      </c>
      <c r="V3" s="10" t="s">
        <v>197</v>
      </c>
      <c r="W3" s="10" t="s">
        <v>198</v>
      </c>
      <c r="X3" s="10" t="s">
        <v>199</v>
      </c>
      <c r="Y3" s="10" t="s">
        <v>200</v>
      </c>
    </row>
    <row r="4" spans="1:25">
      <c r="A4" s="20"/>
      <c r="B4" s="20"/>
      <c r="C4" s="20"/>
      <c r="D4" s="20"/>
      <c r="E4" s="20"/>
      <c r="F4" s="20"/>
      <c r="G4" s="20"/>
      <c r="H4" s="20"/>
      <c r="I4" s="20"/>
      <c r="J4" s="20"/>
      <c r="K4" s="20"/>
      <c r="L4" s="20"/>
      <c r="M4" s="20"/>
      <c r="N4" s="20"/>
      <c r="O4" s="20"/>
      <c r="P4" s="20"/>
      <c r="Q4" s="20"/>
      <c r="R4" s="20"/>
      <c r="S4" s="20"/>
      <c r="T4" s="20"/>
      <c r="U4" s="20"/>
      <c r="V4" s="20"/>
      <c r="W4" s="20"/>
      <c r="X4" s="20"/>
      <c r="Y4" s="20"/>
    </row>
    <row r="5" spans="1:25" ht="21.2" customHeight="1">
      <c r="A5" s="8">
        <v>50</v>
      </c>
      <c r="B5" s="8">
        <v>49</v>
      </c>
      <c r="C5" s="5">
        <v>48</v>
      </c>
      <c r="D5" s="8">
        <v>47</v>
      </c>
      <c r="E5" s="8">
        <v>46</v>
      </c>
      <c r="F5" s="8">
        <v>45</v>
      </c>
      <c r="G5" s="8">
        <v>44</v>
      </c>
      <c r="H5" s="8">
        <v>43</v>
      </c>
      <c r="I5" s="8">
        <v>42</v>
      </c>
      <c r="J5" s="8">
        <v>41</v>
      </c>
      <c r="K5" s="8">
        <v>40</v>
      </c>
      <c r="L5" s="8">
        <v>39</v>
      </c>
      <c r="M5" s="8">
        <v>38</v>
      </c>
      <c r="N5" s="5">
        <v>37</v>
      </c>
      <c r="O5" s="5">
        <v>36</v>
      </c>
      <c r="P5" s="5">
        <v>35</v>
      </c>
      <c r="Q5" s="8">
        <v>34</v>
      </c>
      <c r="R5" s="8">
        <v>33</v>
      </c>
      <c r="S5" s="8">
        <v>32</v>
      </c>
      <c r="T5" s="8">
        <v>31</v>
      </c>
      <c r="U5" s="8">
        <v>30</v>
      </c>
      <c r="V5" s="5">
        <v>29</v>
      </c>
      <c r="W5" s="5">
        <v>28</v>
      </c>
      <c r="X5" s="5">
        <v>27</v>
      </c>
      <c r="Y5" s="8">
        <v>26</v>
      </c>
    </row>
    <row r="6" spans="1:25" ht="10.5" customHeight="1">
      <c r="A6" s="9"/>
      <c r="B6" s="9"/>
      <c r="C6" s="6"/>
      <c r="D6" s="9"/>
      <c r="E6" s="9"/>
      <c r="F6" s="9"/>
      <c r="G6" s="9"/>
      <c r="H6" s="9"/>
      <c r="I6" s="9"/>
      <c r="J6" s="9"/>
      <c r="K6" s="9"/>
      <c r="L6" s="9"/>
      <c r="M6" s="9"/>
      <c r="N6" s="6"/>
      <c r="O6" s="6"/>
      <c r="P6" s="6"/>
      <c r="Q6" s="9"/>
      <c r="R6" s="9"/>
      <c r="S6" s="9"/>
      <c r="T6" s="9"/>
      <c r="U6" s="9"/>
      <c r="V6" s="6"/>
      <c r="W6" s="6"/>
      <c r="X6" s="6"/>
      <c r="Y6" s="9"/>
    </row>
    <row r="7" spans="1:25" s="18" customFormat="1" ht="240.95" customHeight="1">
      <c r="A7" s="10" t="s">
        <v>201</v>
      </c>
      <c r="B7" s="10" t="s">
        <v>364</v>
      </c>
      <c r="C7" s="13" t="s">
        <v>290</v>
      </c>
      <c r="D7" s="10" t="s">
        <v>104</v>
      </c>
      <c r="E7" s="10" t="s">
        <v>105</v>
      </c>
      <c r="F7" s="10" t="s">
        <v>106</v>
      </c>
      <c r="G7" s="10" t="s">
        <v>305</v>
      </c>
      <c r="H7" s="10" t="s">
        <v>107</v>
      </c>
      <c r="I7" s="10" t="s">
        <v>108</v>
      </c>
      <c r="J7" s="10" t="s">
        <v>109</v>
      </c>
      <c r="K7" s="10" t="s">
        <v>365</v>
      </c>
      <c r="L7" s="10" t="s">
        <v>110</v>
      </c>
      <c r="M7" s="10" t="s">
        <v>111</v>
      </c>
      <c r="N7" s="7" t="s">
        <v>395</v>
      </c>
      <c r="O7" s="7" t="s">
        <v>366</v>
      </c>
      <c r="P7" s="7" t="s">
        <v>327</v>
      </c>
      <c r="Q7" s="10" t="s">
        <v>112</v>
      </c>
      <c r="R7" s="10" t="s">
        <v>326</v>
      </c>
      <c r="S7" s="10" t="s">
        <v>113</v>
      </c>
      <c r="T7" s="10" t="s">
        <v>114</v>
      </c>
      <c r="U7" s="10" t="s">
        <v>115</v>
      </c>
      <c r="V7" s="7" t="s">
        <v>367</v>
      </c>
      <c r="W7" s="13" t="s">
        <v>116</v>
      </c>
      <c r="X7" s="13" t="s">
        <v>288</v>
      </c>
      <c r="Y7" s="10" t="s">
        <v>347</v>
      </c>
    </row>
    <row r="8" spans="1:25" ht="21.2" customHeight="1">
      <c r="A8" s="8">
        <v>75</v>
      </c>
      <c r="B8" s="8">
        <v>74</v>
      </c>
      <c r="C8" s="8">
        <v>73</v>
      </c>
      <c r="D8" s="5">
        <v>72</v>
      </c>
      <c r="E8" s="8">
        <v>71</v>
      </c>
      <c r="F8" s="5">
        <v>70</v>
      </c>
      <c r="G8" s="8">
        <v>69</v>
      </c>
      <c r="H8" s="8">
        <v>68</v>
      </c>
      <c r="I8" s="5">
        <v>67</v>
      </c>
      <c r="J8" s="8">
        <v>66</v>
      </c>
      <c r="K8" s="5">
        <v>65</v>
      </c>
      <c r="L8" s="8">
        <v>64</v>
      </c>
      <c r="M8" s="8">
        <v>63</v>
      </c>
      <c r="N8" s="8">
        <v>62</v>
      </c>
      <c r="O8" s="8">
        <v>61</v>
      </c>
      <c r="P8" s="5">
        <v>60</v>
      </c>
      <c r="Q8" s="8">
        <v>59</v>
      </c>
      <c r="R8" s="5">
        <v>58</v>
      </c>
      <c r="S8" s="5">
        <v>57</v>
      </c>
      <c r="T8" s="8">
        <v>56</v>
      </c>
      <c r="U8" s="8">
        <v>55</v>
      </c>
      <c r="V8" s="5">
        <v>54</v>
      </c>
      <c r="W8" s="8">
        <v>53</v>
      </c>
      <c r="X8" s="8">
        <v>52</v>
      </c>
      <c r="Y8" s="8">
        <v>51</v>
      </c>
    </row>
    <row r="9" spans="1:25" s="2" customFormat="1" ht="9.75" customHeight="1">
      <c r="A9" s="9"/>
      <c r="B9" s="9"/>
      <c r="C9" s="9"/>
      <c r="D9" s="6"/>
      <c r="E9" s="9"/>
      <c r="F9" s="6"/>
      <c r="G9" s="9"/>
      <c r="H9" s="9"/>
      <c r="I9" s="6"/>
      <c r="J9" s="9"/>
      <c r="K9" s="6"/>
      <c r="L9" s="9"/>
      <c r="M9" s="9"/>
      <c r="N9" s="9"/>
      <c r="O9" s="9"/>
      <c r="P9" s="6"/>
      <c r="Q9" s="9"/>
      <c r="R9" s="6"/>
      <c r="S9" s="6"/>
      <c r="T9" s="9"/>
      <c r="U9" s="9"/>
      <c r="V9" s="6"/>
      <c r="W9" s="9"/>
      <c r="X9" s="9"/>
      <c r="Y9" s="9"/>
    </row>
    <row r="10" spans="1:25" s="18" customFormat="1" ht="240.95" customHeight="1">
      <c r="A10" s="10" t="s">
        <v>203</v>
      </c>
      <c r="B10" s="10" t="s">
        <v>368</v>
      </c>
      <c r="C10" s="13" t="s">
        <v>309</v>
      </c>
      <c r="D10" s="13" t="s">
        <v>293</v>
      </c>
      <c r="E10" s="10" t="s">
        <v>117</v>
      </c>
      <c r="F10" s="13" t="s">
        <v>306</v>
      </c>
      <c r="G10" s="11" t="s">
        <v>118</v>
      </c>
      <c r="H10" s="10" t="s">
        <v>292</v>
      </c>
      <c r="I10" s="13" t="s">
        <v>119</v>
      </c>
      <c r="J10" s="10" t="s">
        <v>120</v>
      </c>
      <c r="K10" s="13" t="s">
        <v>121</v>
      </c>
      <c r="L10" s="11" t="s">
        <v>122</v>
      </c>
      <c r="M10" s="10" t="s">
        <v>123</v>
      </c>
      <c r="N10" s="10" t="s">
        <v>124</v>
      </c>
      <c r="O10" s="10" t="s">
        <v>402</v>
      </c>
      <c r="P10" s="13" t="s">
        <v>204</v>
      </c>
      <c r="Q10" s="10" t="s">
        <v>125</v>
      </c>
      <c r="R10" s="13" t="s">
        <v>369</v>
      </c>
      <c r="S10" s="7" t="s">
        <v>126</v>
      </c>
      <c r="T10" s="10" t="s">
        <v>127</v>
      </c>
      <c r="U10" s="10" t="s">
        <v>332</v>
      </c>
      <c r="V10" s="13" t="s">
        <v>128</v>
      </c>
      <c r="W10" s="10" t="s">
        <v>205</v>
      </c>
      <c r="X10" s="10" t="s">
        <v>370</v>
      </c>
      <c r="Y10" s="10" t="s">
        <v>206</v>
      </c>
    </row>
    <row r="11" spans="1:25">
      <c r="A11" s="20"/>
      <c r="B11" s="20"/>
      <c r="C11" s="20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20"/>
      <c r="O11" s="20"/>
      <c r="P11" s="20"/>
      <c r="Q11" s="20"/>
      <c r="R11" s="20"/>
      <c r="S11" s="20"/>
      <c r="T11" s="20"/>
      <c r="U11" s="20"/>
      <c r="V11" s="20"/>
      <c r="W11" s="20"/>
      <c r="X11" s="20"/>
      <c r="Y11" s="20"/>
    </row>
    <row r="12" spans="1:25" ht="21.2" customHeight="1">
      <c r="A12" s="8">
        <v>100</v>
      </c>
      <c r="B12" s="5">
        <v>99</v>
      </c>
      <c r="C12" s="5">
        <v>98</v>
      </c>
      <c r="D12" s="8">
        <v>97</v>
      </c>
      <c r="E12" s="8">
        <v>96</v>
      </c>
      <c r="F12" s="8">
        <v>95</v>
      </c>
      <c r="G12" s="8">
        <v>94</v>
      </c>
      <c r="H12" s="8">
        <v>93</v>
      </c>
      <c r="I12" s="8">
        <v>92</v>
      </c>
      <c r="J12" s="5">
        <v>91</v>
      </c>
      <c r="K12" s="8">
        <v>90</v>
      </c>
      <c r="L12" s="8">
        <v>89</v>
      </c>
      <c r="M12" s="5">
        <v>88</v>
      </c>
      <c r="N12" s="8">
        <v>87</v>
      </c>
      <c r="O12" s="8">
        <v>86</v>
      </c>
      <c r="P12" s="8">
        <v>85</v>
      </c>
      <c r="Q12" s="8">
        <v>84</v>
      </c>
      <c r="R12" s="8">
        <v>83</v>
      </c>
      <c r="S12" s="8">
        <v>82</v>
      </c>
      <c r="T12" s="8">
        <v>81</v>
      </c>
      <c r="U12" s="8">
        <v>80</v>
      </c>
      <c r="V12" s="8">
        <v>79</v>
      </c>
      <c r="W12" s="8">
        <v>78</v>
      </c>
      <c r="X12" s="8">
        <v>77</v>
      </c>
      <c r="Y12" s="8">
        <v>76</v>
      </c>
    </row>
    <row r="13" spans="1:25" ht="10.5" customHeight="1">
      <c r="A13" s="9"/>
      <c r="B13" s="6"/>
      <c r="C13" s="6"/>
      <c r="D13" s="9"/>
      <c r="E13" s="9"/>
      <c r="F13" s="9"/>
      <c r="G13" s="9"/>
      <c r="H13" s="9"/>
      <c r="I13" s="9"/>
      <c r="J13" s="6"/>
      <c r="K13" s="9"/>
      <c r="L13" s="9"/>
      <c r="M13" s="6"/>
      <c r="N13" s="9"/>
      <c r="O13" s="9"/>
      <c r="P13" s="9"/>
      <c r="Q13" s="9"/>
      <c r="R13" s="9"/>
      <c r="S13" s="9"/>
      <c r="T13" s="9"/>
      <c r="U13" s="9"/>
      <c r="V13" s="9"/>
      <c r="W13" s="9"/>
      <c r="X13" s="9"/>
      <c r="Y13" s="9"/>
    </row>
    <row r="14" spans="1:25" s="18" customFormat="1" ht="240.95" customHeight="1">
      <c r="A14" s="10" t="s">
        <v>211</v>
      </c>
      <c r="B14" s="13" t="s">
        <v>129</v>
      </c>
      <c r="C14" s="13" t="s">
        <v>130</v>
      </c>
      <c r="D14" s="10" t="s">
        <v>294</v>
      </c>
      <c r="E14" s="10" t="s">
        <v>131</v>
      </c>
      <c r="F14" s="11" t="s">
        <v>132</v>
      </c>
      <c r="G14" s="10" t="s">
        <v>133</v>
      </c>
      <c r="H14" s="10" t="s">
        <v>400</v>
      </c>
      <c r="I14" s="10" t="s">
        <v>295</v>
      </c>
      <c r="J14" s="13" t="s">
        <v>334</v>
      </c>
      <c r="K14" s="10" t="s">
        <v>134</v>
      </c>
      <c r="L14" s="10" t="s">
        <v>310</v>
      </c>
      <c r="M14" s="13" t="s">
        <v>135</v>
      </c>
      <c r="N14" s="10" t="s">
        <v>212</v>
      </c>
      <c r="O14" s="10" t="s">
        <v>213</v>
      </c>
      <c r="P14" s="10" t="s">
        <v>214</v>
      </c>
      <c r="Q14" s="10" t="s">
        <v>215</v>
      </c>
      <c r="R14" s="10" t="s">
        <v>371</v>
      </c>
      <c r="S14" s="10" t="s">
        <v>216</v>
      </c>
      <c r="T14" s="11" t="s">
        <v>372</v>
      </c>
      <c r="U14" s="10" t="s">
        <v>217</v>
      </c>
      <c r="V14" s="10" t="s">
        <v>218</v>
      </c>
      <c r="W14" s="10" t="s">
        <v>219</v>
      </c>
      <c r="X14" s="10" t="s">
        <v>220</v>
      </c>
      <c r="Y14" s="10" t="s">
        <v>221</v>
      </c>
    </row>
    <row r="15" spans="1:25" ht="15" customHeight="1">
      <c r="A15" s="8">
        <v>125</v>
      </c>
      <c r="B15" s="8">
        <v>124</v>
      </c>
      <c r="C15" s="5">
        <v>123</v>
      </c>
      <c r="D15" s="8">
        <v>122</v>
      </c>
      <c r="E15" s="8">
        <v>121</v>
      </c>
      <c r="F15" s="8">
        <v>120</v>
      </c>
      <c r="G15" s="8">
        <v>119</v>
      </c>
      <c r="H15" s="8">
        <v>118</v>
      </c>
      <c r="I15" s="5">
        <v>117</v>
      </c>
      <c r="J15" s="8">
        <v>116</v>
      </c>
      <c r="K15" s="5">
        <v>115</v>
      </c>
      <c r="L15" s="8">
        <v>114</v>
      </c>
      <c r="M15" s="8">
        <v>113</v>
      </c>
      <c r="N15" s="8">
        <v>112</v>
      </c>
      <c r="O15" s="5">
        <v>111</v>
      </c>
      <c r="P15" s="8">
        <v>110</v>
      </c>
      <c r="Q15" s="8">
        <v>109</v>
      </c>
      <c r="R15" s="8">
        <v>108</v>
      </c>
      <c r="S15" s="8">
        <v>107</v>
      </c>
      <c r="T15" s="8">
        <v>106</v>
      </c>
      <c r="U15" s="8">
        <v>105</v>
      </c>
      <c r="V15" s="8">
        <v>104</v>
      </c>
      <c r="W15" s="8">
        <v>103</v>
      </c>
      <c r="X15" s="8">
        <v>102</v>
      </c>
      <c r="Y15" s="8">
        <v>101</v>
      </c>
    </row>
    <row r="16" spans="1:25" s="2" customFormat="1" ht="9.75" customHeight="1">
      <c r="A16" s="9"/>
      <c r="B16" s="9"/>
      <c r="C16" s="6"/>
      <c r="D16" s="9"/>
      <c r="E16" s="9"/>
      <c r="F16" s="9"/>
      <c r="G16" s="9"/>
      <c r="H16" s="9"/>
      <c r="I16" s="6"/>
      <c r="J16" s="9"/>
      <c r="K16" s="6"/>
      <c r="L16" s="9"/>
      <c r="M16" s="9"/>
      <c r="N16" s="9"/>
      <c r="O16" s="6"/>
      <c r="P16" s="9"/>
      <c r="Q16" s="9"/>
      <c r="R16" s="9"/>
      <c r="S16" s="9"/>
      <c r="T16" s="9"/>
      <c r="U16" s="9"/>
      <c r="V16" s="9"/>
      <c r="W16" s="9"/>
      <c r="X16" s="9"/>
      <c r="Y16" s="9"/>
    </row>
    <row r="17" spans="1:25" s="18" customFormat="1" ht="240.95" customHeight="1">
      <c r="A17" s="10" t="s">
        <v>299</v>
      </c>
      <c r="B17" s="10" t="s">
        <v>234</v>
      </c>
      <c r="C17" s="13" t="s">
        <v>136</v>
      </c>
      <c r="D17" s="10" t="s">
        <v>373</v>
      </c>
      <c r="E17" s="10" t="s">
        <v>137</v>
      </c>
      <c r="F17" s="10" t="s">
        <v>138</v>
      </c>
      <c r="G17" s="10" t="s">
        <v>374</v>
      </c>
      <c r="H17" s="10" t="s">
        <v>298</v>
      </c>
      <c r="I17" s="13" t="s">
        <v>174</v>
      </c>
      <c r="J17" s="10" t="s">
        <v>375</v>
      </c>
      <c r="K17" s="13" t="s">
        <v>314</v>
      </c>
      <c r="L17" s="10" t="s">
        <v>139</v>
      </c>
      <c r="M17" s="10" t="s">
        <v>140</v>
      </c>
      <c r="N17" s="10" t="s">
        <v>141</v>
      </c>
      <c r="O17" s="13" t="s">
        <v>142</v>
      </c>
      <c r="P17" s="10" t="s">
        <v>235</v>
      </c>
      <c r="Q17" s="10" t="s">
        <v>236</v>
      </c>
      <c r="R17" s="10" t="s">
        <v>237</v>
      </c>
      <c r="S17" s="10" t="s">
        <v>336</v>
      </c>
      <c r="T17" s="10" t="s">
        <v>238</v>
      </c>
      <c r="U17" s="10" t="s">
        <v>239</v>
      </c>
      <c r="V17" s="10" t="s">
        <v>240</v>
      </c>
      <c r="W17" s="10" t="s">
        <v>241</v>
      </c>
      <c r="X17" s="10" t="s">
        <v>242</v>
      </c>
      <c r="Y17" s="10" t="s">
        <v>312</v>
      </c>
    </row>
    <row r="18" spans="1:25">
      <c r="A18" s="20"/>
      <c r="B18" s="20"/>
      <c r="C18" s="20"/>
      <c r="D18" s="20"/>
      <c r="E18" s="20"/>
      <c r="F18" s="20"/>
      <c r="G18" s="20"/>
      <c r="H18" s="20"/>
      <c r="I18" s="20"/>
      <c r="J18" s="20"/>
      <c r="K18" s="20"/>
      <c r="L18" s="20"/>
      <c r="M18" s="20"/>
      <c r="N18" s="20"/>
      <c r="O18" s="20"/>
      <c r="P18" s="20"/>
      <c r="Q18" s="20"/>
      <c r="R18" s="20"/>
      <c r="S18" s="20"/>
      <c r="T18" s="20"/>
      <c r="U18" s="20"/>
      <c r="V18" s="20"/>
      <c r="W18" s="20"/>
      <c r="X18" s="20"/>
      <c r="Y18" s="20"/>
    </row>
    <row r="19" spans="1:25" ht="18.75">
      <c r="A19" s="8">
        <v>150</v>
      </c>
      <c r="B19" s="8">
        <v>149</v>
      </c>
      <c r="C19" s="8">
        <v>148</v>
      </c>
      <c r="D19" s="8">
        <v>147</v>
      </c>
      <c r="E19" s="8">
        <v>146</v>
      </c>
      <c r="F19" s="8">
        <v>145</v>
      </c>
      <c r="G19" s="8">
        <v>144</v>
      </c>
      <c r="H19" s="8">
        <v>143</v>
      </c>
      <c r="I19" s="8">
        <v>142</v>
      </c>
      <c r="J19" s="8">
        <v>141</v>
      </c>
      <c r="K19" s="8">
        <v>140</v>
      </c>
      <c r="L19" s="5">
        <v>139</v>
      </c>
      <c r="M19" s="8">
        <v>138</v>
      </c>
      <c r="N19" s="8">
        <v>137</v>
      </c>
      <c r="O19" s="8">
        <v>136</v>
      </c>
      <c r="P19" s="8">
        <v>135</v>
      </c>
      <c r="Q19" s="8">
        <v>134</v>
      </c>
      <c r="R19" s="5">
        <v>133</v>
      </c>
      <c r="S19" s="8">
        <v>132</v>
      </c>
      <c r="T19" s="8">
        <v>131</v>
      </c>
      <c r="U19" s="5">
        <v>130</v>
      </c>
      <c r="V19" s="8">
        <v>129</v>
      </c>
      <c r="W19" s="8">
        <v>128</v>
      </c>
      <c r="X19" s="8">
        <v>127</v>
      </c>
      <c r="Y19" s="8">
        <v>126</v>
      </c>
    </row>
    <row r="20" spans="1:25" ht="10.5" customHeight="1">
      <c r="A20" s="9"/>
      <c r="B20" s="9"/>
      <c r="C20" s="9"/>
      <c r="D20" s="9"/>
      <c r="E20" s="9"/>
      <c r="F20" s="9"/>
      <c r="G20" s="9"/>
      <c r="H20" s="9"/>
      <c r="I20" s="9"/>
      <c r="J20" s="9"/>
      <c r="K20" s="9"/>
      <c r="L20" s="6"/>
      <c r="M20" s="9"/>
      <c r="N20" s="9"/>
      <c r="O20" s="9"/>
      <c r="P20" s="9"/>
      <c r="Q20" s="9"/>
      <c r="R20" s="6"/>
      <c r="S20" s="9"/>
      <c r="T20" s="9"/>
      <c r="U20" s="6"/>
      <c r="V20" s="9"/>
      <c r="W20" s="9"/>
      <c r="X20" s="9"/>
      <c r="Y20" s="9"/>
    </row>
    <row r="21" spans="1:25" s="18" customFormat="1" ht="240.95" customHeight="1">
      <c r="A21" s="10" t="s">
        <v>251</v>
      </c>
      <c r="B21" s="10" t="s">
        <v>252</v>
      </c>
      <c r="C21" s="10" t="s">
        <v>253</v>
      </c>
      <c r="D21" s="10" t="s">
        <v>254</v>
      </c>
      <c r="E21" s="10" t="s">
        <v>255</v>
      </c>
      <c r="F21" s="10" t="s">
        <v>256</v>
      </c>
      <c r="G21" s="26" t="s">
        <v>376</v>
      </c>
      <c r="H21" s="10" t="s">
        <v>257</v>
      </c>
      <c r="I21" s="10" t="s">
        <v>258</v>
      </c>
      <c r="J21" s="10" t="s">
        <v>341</v>
      </c>
      <c r="K21" s="10" t="s">
        <v>259</v>
      </c>
      <c r="L21" s="13" t="s">
        <v>143</v>
      </c>
      <c r="M21" s="10" t="s">
        <v>144</v>
      </c>
      <c r="N21" s="10" t="s">
        <v>145</v>
      </c>
      <c r="O21" s="10" t="s">
        <v>338</v>
      </c>
      <c r="P21" s="10" t="s">
        <v>146</v>
      </c>
      <c r="Q21" s="10" t="s">
        <v>147</v>
      </c>
      <c r="R21" s="13" t="s">
        <v>148</v>
      </c>
      <c r="S21" s="10" t="s">
        <v>149</v>
      </c>
      <c r="T21" s="10" t="s">
        <v>150</v>
      </c>
      <c r="U21" s="13" t="s">
        <v>316</v>
      </c>
      <c r="V21" s="10" t="s">
        <v>260</v>
      </c>
      <c r="W21" s="10" t="s">
        <v>261</v>
      </c>
      <c r="X21" s="10" t="s">
        <v>262</v>
      </c>
      <c r="Y21" s="10" t="s">
        <v>377</v>
      </c>
    </row>
    <row r="22" spans="1:25" ht="15" customHeight="1">
      <c r="A22" s="8">
        <v>175</v>
      </c>
      <c r="B22" s="5">
        <v>174</v>
      </c>
      <c r="C22" s="8">
        <v>173</v>
      </c>
      <c r="D22" s="5">
        <v>172</v>
      </c>
      <c r="E22" s="8">
        <v>171</v>
      </c>
      <c r="F22" s="5">
        <v>170</v>
      </c>
      <c r="G22" s="8">
        <v>169</v>
      </c>
      <c r="H22" s="5">
        <v>168</v>
      </c>
      <c r="I22" s="5">
        <v>167</v>
      </c>
      <c r="J22" s="8">
        <v>166</v>
      </c>
      <c r="K22" s="5">
        <v>165</v>
      </c>
      <c r="L22" s="8">
        <v>164</v>
      </c>
      <c r="M22" s="8">
        <v>163</v>
      </c>
      <c r="N22" s="8">
        <v>162</v>
      </c>
      <c r="O22" s="8">
        <v>161</v>
      </c>
      <c r="P22" s="8">
        <v>160</v>
      </c>
      <c r="Q22" s="8">
        <v>159</v>
      </c>
      <c r="R22" s="5">
        <v>158</v>
      </c>
      <c r="S22" s="8">
        <v>157</v>
      </c>
      <c r="T22" s="5">
        <v>156</v>
      </c>
      <c r="U22" s="8">
        <v>155</v>
      </c>
      <c r="V22" s="5">
        <v>154</v>
      </c>
      <c r="W22" s="8">
        <v>153</v>
      </c>
      <c r="X22" s="8">
        <v>152</v>
      </c>
      <c r="Y22" s="8">
        <v>151</v>
      </c>
    </row>
    <row r="23" spans="1:25" s="2" customFormat="1" ht="9.75" customHeight="1">
      <c r="A23" s="9"/>
      <c r="B23" s="6"/>
      <c r="C23" s="9"/>
      <c r="D23" s="6"/>
      <c r="E23" s="9"/>
      <c r="F23" s="6"/>
      <c r="G23" s="9"/>
      <c r="H23" s="6"/>
      <c r="I23" s="6"/>
      <c r="J23" s="9"/>
      <c r="K23" s="6"/>
      <c r="L23" s="9"/>
      <c r="M23" s="9"/>
      <c r="N23" s="9"/>
      <c r="O23" s="9"/>
      <c r="P23" s="9"/>
      <c r="Q23" s="9"/>
      <c r="R23" s="6"/>
      <c r="S23" s="9"/>
      <c r="T23" s="6"/>
      <c r="U23" s="9"/>
      <c r="V23" s="6"/>
      <c r="W23" s="9"/>
      <c r="X23" s="9"/>
      <c r="Y23" s="9"/>
    </row>
    <row r="24" spans="1:25" s="18" customFormat="1" ht="240.95" customHeight="1">
      <c r="A24" s="10" t="s">
        <v>275</v>
      </c>
      <c r="B24" s="13" t="s">
        <v>151</v>
      </c>
      <c r="C24" s="10" t="s">
        <v>343</v>
      </c>
      <c r="D24" s="13" t="s">
        <v>378</v>
      </c>
      <c r="E24" s="10" t="s">
        <v>152</v>
      </c>
      <c r="F24" s="13" t="s">
        <v>153</v>
      </c>
      <c r="G24" s="10" t="s">
        <v>154</v>
      </c>
      <c r="H24" s="13" t="s">
        <v>155</v>
      </c>
      <c r="I24" s="13" t="s">
        <v>156</v>
      </c>
      <c r="J24" s="10" t="s">
        <v>157</v>
      </c>
      <c r="K24" s="13" t="s">
        <v>379</v>
      </c>
      <c r="L24" s="10" t="s">
        <v>380</v>
      </c>
      <c r="M24" s="10" t="s">
        <v>381</v>
      </c>
      <c r="N24" s="10" t="s">
        <v>158</v>
      </c>
      <c r="O24" s="10" t="s">
        <v>276</v>
      </c>
      <c r="P24" s="10" t="s">
        <v>159</v>
      </c>
      <c r="Q24" s="10" t="s">
        <v>318</v>
      </c>
      <c r="R24" s="13" t="s">
        <v>160</v>
      </c>
      <c r="S24" s="10" t="s">
        <v>161</v>
      </c>
      <c r="T24" s="13" t="s">
        <v>162</v>
      </c>
      <c r="U24" s="10" t="s">
        <v>163</v>
      </c>
      <c r="V24" s="13" t="s">
        <v>164</v>
      </c>
      <c r="W24" s="10" t="s">
        <v>382</v>
      </c>
      <c r="X24" s="10" t="s">
        <v>277</v>
      </c>
      <c r="Y24" s="10" t="s">
        <v>278</v>
      </c>
    </row>
    <row r="25" spans="1:25">
      <c r="A25" s="20"/>
      <c r="B25" s="20"/>
      <c r="C25" s="20"/>
      <c r="D25" s="20"/>
      <c r="E25" s="20"/>
      <c r="F25" s="20"/>
      <c r="G25" s="20"/>
      <c r="H25" s="20"/>
      <c r="I25" s="20"/>
      <c r="J25" s="20"/>
      <c r="K25" s="20"/>
      <c r="L25" s="20"/>
      <c r="M25" s="20"/>
      <c r="N25" s="20"/>
      <c r="O25" s="20"/>
      <c r="P25" s="20"/>
      <c r="Q25" s="20"/>
      <c r="R25" s="20"/>
      <c r="S25" s="20"/>
      <c r="T25" s="20"/>
      <c r="U25" s="20"/>
      <c r="V25" s="20"/>
      <c r="W25" s="20"/>
      <c r="X25" s="20"/>
      <c r="Y25" s="20"/>
    </row>
    <row r="26" spans="1:25" ht="18.75">
      <c r="A26" s="5">
        <v>200</v>
      </c>
      <c r="B26" s="5">
        <v>199</v>
      </c>
      <c r="C26" s="8">
        <v>198</v>
      </c>
      <c r="D26" s="8">
        <v>197</v>
      </c>
      <c r="E26" s="8">
        <v>196</v>
      </c>
      <c r="F26" s="8">
        <v>195</v>
      </c>
      <c r="G26" s="5">
        <v>194</v>
      </c>
      <c r="H26" s="8">
        <v>193</v>
      </c>
      <c r="I26" s="5">
        <v>192</v>
      </c>
      <c r="J26" s="8">
        <v>191</v>
      </c>
      <c r="K26" s="5">
        <v>190</v>
      </c>
      <c r="L26" s="8">
        <v>189</v>
      </c>
      <c r="M26" s="8">
        <v>188</v>
      </c>
      <c r="N26" s="8">
        <v>187</v>
      </c>
      <c r="O26" s="8">
        <v>186</v>
      </c>
      <c r="P26" s="8">
        <v>185</v>
      </c>
      <c r="Q26" s="8">
        <v>184</v>
      </c>
      <c r="R26" s="8">
        <v>183</v>
      </c>
      <c r="S26" s="8">
        <v>182</v>
      </c>
      <c r="T26" s="8">
        <v>181</v>
      </c>
      <c r="U26" s="8">
        <v>180</v>
      </c>
      <c r="V26" s="5">
        <v>179</v>
      </c>
      <c r="W26" s="8">
        <v>178</v>
      </c>
      <c r="X26" s="8">
        <v>177</v>
      </c>
      <c r="Y26" s="8">
        <v>176</v>
      </c>
    </row>
    <row r="27" spans="1:25" ht="10.5" customHeight="1">
      <c r="A27" s="6"/>
      <c r="B27" s="6"/>
      <c r="C27" s="9"/>
      <c r="D27" s="9"/>
      <c r="E27" s="9"/>
      <c r="F27" s="9"/>
      <c r="G27" s="6"/>
      <c r="H27" s="9"/>
      <c r="I27" s="6"/>
      <c r="J27" s="9"/>
      <c r="K27" s="6"/>
      <c r="L27" s="9"/>
      <c r="M27" s="9"/>
      <c r="N27" s="9"/>
      <c r="O27" s="9"/>
      <c r="P27" s="9"/>
      <c r="Q27" s="9"/>
      <c r="R27" s="9"/>
      <c r="S27" s="9"/>
      <c r="T27" s="9"/>
      <c r="U27" s="9"/>
      <c r="V27" s="6"/>
      <c r="W27" s="9"/>
      <c r="X27" s="9"/>
      <c r="Y27" s="9"/>
    </row>
    <row r="28" spans="1:25" s="18" customFormat="1" ht="240.95" customHeight="1">
      <c r="A28" s="13" t="s">
        <v>165</v>
      </c>
      <c r="B28" s="13" t="s">
        <v>166</v>
      </c>
      <c r="C28" s="11" t="s">
        <v>167</v>
      </c>
      <c r="D28" s="11" t="s">
        <v>168</v>
      </c>
      <c r="E28" s="10" t="s">
        <v>169</v>
      </c>
      <c r="F28" s="11" t="s">
        <v>170</v>
      </c>
      <c r="G28" s="14" t="s">
        <v>171</v>
      </c>
      <c r="H28" s="10" t="s">
        <v>324</v>
      </c>
      <c r="I28" s="13" t="s">
        <v>172</v>
      </c>
      <c r="J28" s="10" t="s">
        <v>383</v>
      </c>
      <c r="K28" s="13" t="s">
        <v>283</v>
      </c>
      <c r="L28" s="10" t="s">
        <v>384</v>
      </c>
      <c r="M28" s="10" t="s">
        <v>385</v>
      </c>
      <c r="N28" s="10" t="s">
        <v>176</v>
      </c>
      <c r="O28" s="10" t="s">
        <v>322</v>
      </c>
      <c r="P28" s="10" t="s">
        <v>345</v>
      </c>
      <c r="Q28" s="10" t="s">
        <v>177</v>
      </c>
      <c r="R28" s="10" t="s">
        <v>386</v>
      </c>
      <c r="S28" s="10" t="s">
        <v>387</v>
      </c>
      <c r="T28" s="10" t="s">
        <v>178</v>
      </c>
      <c r="U28" s="10" t="s">
        <v>388</v>
      </c>
      <c r="V28" s="13" t="s">
        <v>321</v>
      </c>
      <c r="W28" s="10" t="s">
        <v>284</v>
      </c>
      <c r="X28" s="10" t="s">
        <v>285</v>
      </c>
      <c r="Y28" s="10" t="s">
        <v>286</v>
      </c>
    </row>
    <row r="29" spans="1:25">
      <c r="A29" s="25"/>
      <c r="B29" s="25"/>
      <c r="C29" s="25"/>
      <c r="D29" s="25"/>
      <c r="E29" s="25"/>
      <c r="F29" s="25"/>
      <c r="G29" s="25"/>
      <c r="H29" s="25"/>
      <c r="I29" s="25"/>
      <c r="J29" s="25"/>
      <c r="K29" s="25"/>
      <c r="L29" s="25"/>
      <c r="M29" s="25"/>
      <c r="N29" s="25"/>
      <c r="O29" s="25"/>
      <c r="P29" s="25"/>
      <c r="Q29" s="25"/>
      <c r="R29" s="25"/>
      <c r="S29" s="25"/>
      <c r="T29" s="25"/>
      <c r="U29" s="25"/>
      <c r="V29" s="25"/>
      <c r="W29" s="25"/>
      <c r="X29" s="25"/>
      <c r="Y29" s="25"/>
    </row>
    <row r="30" spans="1:25">
      <c r="A30" s="25"/>
      <c r="B30" s="25"/>
      <c r="C30" s="25"/>
      <c r="D30" s="25"/>
      <c r="E30" s="25"/>
      <c r="F30" s="25"/>
      <c r="G30" s="25"/>
      <c r="H30" s="25"/>
      <c r="I30" s="25"/>
      <c r="J30" s="25"/>
      <c r="K30" s="25"/>
      <c r="L30" s="25"/>
      <c r="M30" s="25"/>
      <c r="N30" s="25"/>
      <c r="O30" s="25"/>
      <c r="P30" s="25"/>
      <c r="Q30" s="25"/>
      <c r="R30" s="25"/>
      <c r="S30" s="25"/>
      <c r="T30" s="25"/>
      <c r="U30" s="25"/>
      <c r="V30" s="25"/>
      <c r="W30" s="25"/>
      <c r="X30" s="25"/>
      <c r="Y30" s="25"/>
    </row>
    <row r="31" spans="1:25">
      <c r="A31" s="25"/>
      <c r="B31" s="25"/>
      <c r="C31" s="25"/>
      <c r="D31" s="25"/>
      <c r="E31" s="25"/>
      <c r="F31" s="25"/>
      <c r="G31" s="25"/>
      <c r="H31" s="25"/>
      <c r="I31" s="25"/>
      <c r="J31" s="25"/>
      <c r="K31" s="25"/>
      <c r="L31" s="25"/>
      <c r="M31" s="25"/>
      <c r="N31" s="25"/>
      <c r="O31" s="25"/>
      <c r="P31" s="25"/>
      <c r="Q31" s="25"/>
      <c r="R31" s="25"/>
      <c r="S31" s="25"/>
      <c r="T31" s="25"/>
      <c r="U31" s="25"/>
      <c r="V31" s="25"/>
      <c r="W31" s="25"/>
      <c r="X31" s="25"/>
      <c r="Y31" s="25"/>
    </row>
    <row r="32" spans="1:25">
      <c r="A32" s="25"/>
      <c r="B32" s="25"/>
      <c r="C32" s="25"/>
      <c r="D32" s="25"/>
      <c r="E32" s="25"/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5"/>
      <c r="X32" s="25"/>
      <c r="Y32" s="25"/>
    </row>
    <row r="33" spans="1:25">
      <c r="A33" s="25"/>
      <c r="B33" s="25"/>
      <c r="C33" s="25"/>
      <c r="D33" s="25"/>
      <c r="E33" s="25"/>
      <c r="F33" s="25"/>
      <c r="G33" s="25"/>
      <c r="H33" s="25"/>
      <c r="I33" s="25"/>
      <c r="J33" s="25"/>
      <c r="K33" s="25"/>
      <c r="L33" s="25"/>
      <c r="M33" s="25"/>
      <c r="N33" s="25"/>
      <c r="O33" s="25"/>
      <c r="P33" s="25"/>
      <c r="Q33" s="25"/>
      <c r="R33" s="25"/>
      <c r="S33" s="25"/>
      <c r="T33" s="25"/>
      <c r="U33" s="25"/>
      <c r="V33" s="25"/>
      <c r="W33" s="25"/>
      <c r="X33" s="25"/>
      <c r="Y33" s="25"/>
    </row>
    <row r="34" spans="1:25">
      <c r="A34" s="25"/>
      <c r="B34" s="25"/>
      <c r="C34" s="25"/>
      <c r="D34" s="25"/>
      <c r="E34" s="25"/>
      <c r="F34" s="25"/>
      <c r="G34" s="25"/>
      <c r="H34" s="25"/>
      <c r="I34" s="25"/>
      <c r="J34" s="25"/>
      <c r="K34" s="25"/>
      <c r="L34" s="25"/>
      <c r="M34" s="25"/>
      <c r="N34" s="25"/>
      <c r="O34" s="25"/>
      <c r="P34" s="25"/>
      <c r="Q34" s="25"/>
      <c r="R34" s="25"/>
      <c r="S34" s="25"/>
      <c r="T34" s="25"/>
      <c r="U34" s="25"/>
      <c r="V34" s="25"/>
      <c r="W34" s="25"/>
      <c r="X34" s="25"/>
      <c r="Y34" s="25"/>
    </row>
    <row r="35" spans="1:25">
      <c r="A35" s="25"/>
      <c r="B35" s="25"/>
      <c r="C35" s="25"/>
      <c r="D35" s="25"/>
      <c r="E35" s="25"/>
      <c r="F35" s="25"/>
      <c r="G35" s="25"/>
      <c r="H35" s="25"/>
      <c r="I35" s="25"/>
      <c r="J35" s="25"/>
      <c r="K35" s="25"/>
      <c r="L35" s="25"/>
      <c r="M35" s="25"/>
      <c r="N35" s="25"/>
      <c r="O35" s="25"/>
      <c r="P35" s="25"/>
      <c r="Q35" s="25"/>
      <c r="R35" s="25"/>
      <c r="S35" s="25"/>
      <c r="T35" s="25"/>
      <c r="U35" s="25"/>
      <c r="V35" s="25"/>
      <c r="W35" s="25"/>
      <c r="X35" s="25"/>
      <c r="Y35" s="25"/>
    </row>
    <row r="36" spans="1:25">
      <c r="A36" s="25"/>
      <c r="B36" s="25"/>
      <c r="C36" s="25"/>
      <c r="D36" s="25"/>
      <c r="E36" s="25"/>
      <c r="F36" s="25"/>
      <c r="G36" s="25"/>
      <c r="H36" s="25"/>
      <c r="I36" s="25"/>
      <c r="J36" s="25"/>
      <c r="K36" s="25"/>
      <c r="L36" s="25"/>
      <c r="M36" s="25"/>
      <c r="N36" s="25"/>
      <c r="O36" s="25"/>
      <c r="P36" s="25"/>
      <c r="Q36" s="25"/>
      <c r="R36" s="25"/>
      <c r="S36" s="25"/>
      <c r="T36" s="25"/>
      <c r="U36" s="25"/>
      <c r="V36" s="25"/>
      <c r="W36" s="25"/>
      <c r="X36" s="25"/>
      <c r="Y36" s="25"/>
    </row>
    <row r="37" spans="1:25">
      <c r="A37" s="25"/>
      <c r="B37" s="25"/>
      <c r="C37" s="25"/>
      <c r="D37" s="25"/>
      <c r="E37" s="25"/>
      <c r="F37" s="25"/>
      <c r="G37" s="25"/>
      <c r="H37" s="25"/>
      <c r="I37" s="25"/>
      <c r="J37" s="25"/>
      <c r="K37" s="25"/>
      <c r="L37" s="25"/>
      <c r="M37" s="25"/>
      <c r="N37" s="25"/>
      <c r="O37" s="25"/>
      <c r="P37" s="25"/>
      <c r="Q37" s="25"/>
      <c r="R37" s="25"/>
      <c r="S37" s="25"/>
      <c r="T37" s="25"/>
      <c r="U37" s="25"/>
      <c r="V37" s="25"/>
      <c r="W37" s="25"/>
      <c r="X37" s="25"/>
      <c r="Y37" s="25"/>
    </row>
    <row r="38" spans="1:25">
      <c r="A38" s="25"/>
      <c r="B38" s="25"/>
      <c r="C38" s="25"/>
      <c r="D38" s="25"/>
      <c r="E38" s="25"/>
      <c r="F38" s="25"/>
      <c r="G38" s="25"/>
      <c r="H38" s="25"/>
      <c r="I38" s="25"/>
      <c r="J38" s="25"/>
      <c r="K38" s="25"/>
      <c r="L38" s="25"/>
      <c r="M38" s="25"/>
      <c r="N38" s="25"/>
      <c r="O38" s="25"/>
      <c r="P38" s="25"/>
      <c r="Q38" s="25"/>
      <c r="R38" s="25"/>
      <c r="S38" s="25"/>
      <c r="T38" s="25"/>
      <c r="U38" s="25"/>
      <c r="V38" s="25"/>
      <c r="W38" s="25"/>
      <c r="X38" s="25"/>
      <c r="Y38" s="25"/>
    </row>
    <row r="39" spans="1:25">
      <c r="A39" s="25"/>
      <c r="B39" s="25"/>
      <c r="C39" s="25"/>
      <c r="D39" s="25"/>
      <c r="E39" s="25"/>
      <c r="F39" s="25"/>
      <c r="G39" s="25"/>
      <c r="H39" s="25"/>
      <c r="I39" s="25"/>
      <c r="J39" s="25"/>
      <c r="K39" s="25"/>
      <c r="L39" s="25"/>
      <c r="M39" s="25"/>
      <c r="N39" s="25"/>
      <c r="O39" s="25"/>
      <c r="P39" s="25"/>
      <c r="Q39" s="25"/>
      <c r="R39" s="25"/>
      <c r="S39" s="25"/>
      <c r="T39" s="25"/>
      <c r="U39" s="25"/>
      <c r="V39" s="25"/>
      <c r="W39" s="25"/>
      <c r="X39" s="25"/>
      <c r="Y39" s="25"/>
    </row>
    <row r="40" spans="1:25">
      <c r="A40" s="25"/>
      <c r="B40" s="25"/>
      <c r="C40" s="25"/>
      <c r="D40" s="25"/>
      <c r="E40" s="25"/>
      <c r="F40" s="25"/>
      <c r="G40" s="25"/>
      <c r="H40" s="25"/>
      <c r="I40" s="25"/>
      <c r="J40" s="25"/>
      <c r="K40" s="25"/>
      <c r="L40" s="25"/>
      <c r="M40" s="25"/>
      <c r="N40" s="25"/>
      <c r="O40" s="25"/>
      <c r="P40" s="25"/>
      <c r="Q40" s="25"/>
      <c r="R40" s="25"/>
      <c r="S40" s="25"/>
      <c r="T40" s="25"/>
      <c r="U40" s="25"/>
      <c r="V40" s="25"/>
      <c r="W40" s="25"/>
      <c r="X40" s="25"/>
      <c r="Y40" s="25"/>
    </row>
    <row r="41" spans="1:25">
      <c r="A41" s="25"/>
      <c r="B41" s="25"/>
      <c r="C41" s="25"/>
      <c r="D41" s="25"/>
      <c r="E41" s="25"/>
      <c r="F41" s="25"/>
      <c r="G41" s="25"/>
      <c r="H41" s="25"/>
      <c r="I41" s="25"/>
      <c r="J41" s="25"/>
      <c r="K41" s="25"/>
      <c r="L41" s="25"/>
      <c r="M41" s="25"/>
      <c r="N41" s="25"/>
      <c r="O41" s="25"/>
      <c r="P41" s="25"/>
      <c r="Q41" s="25"/>
      <c r="R41" s="25"/>
      <c r="S41" s="25"/>
      <c r="T41" s="25"/>
      <c r="U41" s="25"/>
      <c r="V41" s="25"/>
      <c r="W41" s="25"/>
      <c r="X41" s="25"/>
      <c r="Y41" s="25"/>
    </row>
    <row r="42" spans="1:25">
      <c r="A42" s="25"/>
      <c r="B42" s="25"/>
      <c r="C42" s="25"/>
      <c r="D42" s="25"/>
      <c r="E42" s="25"/>
      <c r="F42" s="25"/>
      <c r="G42" s="25"/>
      <c r="H42" s="25"/>
      <c r="I42" s="25"/>
      <c r="J42" s="25"/>
      <c r="K42" s="25"/>
      <c r="L42" s="25"/>
      <c r="M42" s="25"/>
      <c r="N42" s="25"/>
      <c r="O42" s="25"/>
      <c r="P42" s="25"/>
      <c r="Q42" s="25"/>
      <c r="R42" s="25"/>
      <c r="S42" s="25"/>
      <c r="T42" s="25"/>
      <c r="U42" s="25"/>
      <c r="V42" s="25"/>
      <c r="W42" s="25"/>
      <c r="X42" s="25"/>
      <c r="Y42" s="25"/>
    </row>
    <row r="43" spans="1:25">
      <c r="A43" s="25"/>
      <c r="B43" s="25"/>
      <c r="C43" s="25"/>
      <c r="D43" s="25"/>
      <c r="E43" s="25"/>
      <c r="F43" s="25"/>
      <c r="G43" s="25"/>
      <c r="H43" s="25"/>
      <c r="I43" s="25"/>
      <c r="J43" s="25"/>
      <c r="K43" s="25"/>
      <c r="L43" s="25"/>
      <c r="M43" s="25"/>
      <c r="N43" s="25"/>
      <c r="O43" s="25"/>
      <c r="P43" s="25"/>
      <c r="Q43" s="25"/>
      <c r="R43" s="25"/>
      <c r="S43" s="25"/>
      <c r="T43" s="25"/>
      <c r="U43" s="25"/>
      <c r="V43" s="25"/>
      <c r="W43" s="25"/>
      <c r="X43" s="25"/>
      <c r="Y43" s="25"/>
    </row>
    <row r="44" spans="1:25">
      <c r="A44" s="25"/>
      <c r="B44" s="25"/>
      <c r="C44" s="25"/>
      <c r="D44" s="25"/>
      <c r="E44" s="25"/>
      <c r="F44" s="25"/>
      <c r="G44" s="25"/>
      <c r="H44" s="25"/>
      <c r="I44" s="25"/>
      <c r="J44" s="25"/>
      <c r="K44" s="25"/>
      <c r="L44" s="25"/>
      <c r="M44" s="25"/>
      <c r="N44" s="25"/>
      <c r="O44" s="25"/>
      <c r="P44" s="25"/>
      <c r="Q44" s="25"/>
      <c r="R44" s="25"/>
      <c r="S44" s="25"/>
      <c r="T44" s="25"/>
      <c r="U44" s="25"/>
      <c r="V44" s="25"/>
      <c r="W44" s="25"/>
      <c r="X44" s="25"/>
      <c r="Y44" s="25"/>
    </row>
    <row r="45" spans="1:25">
      <c r="A45" s="25"/>
      <c r="B45" s="25"/>
      <c r="C45" s="25"/>
      <c r="D45" s="25"/>
      <c r="E45" s="25"/>
      <c r="F45" s="25"/>
      <c r="G45" s="25"/>
      <c r="H45" s="25"/>
      <c r="I45" s="25"/>
      <c r="J45" s="25"/>
      <c r="K45" s="25"/>
      <c r="L45" s="25"/>
      <c r="M45" s="25"/>
      <c r="N45" s="25"/>
      <c r="O45" s="25"/>
      <c r="P45" s="25"/>
      <c r="Q45" s="25"/>
      <c r="R45" s="25"/>
      <c r="S45" s="25"/>
      <c r="T45" s="25"/>
      <c r="U45" s="25"/>
      <c r="V45" s="25"/>
      <c r="W45" s="25"/>
      <c r="X45" s="25"/>
      <c r="Y45" s="25"/>
    </row>
    <row r="46" spans="1:25">
      <c r="A46" s="25"/>
      <c r="B46" s="25"/>
      <c r="C46" s="25"/>
      <c r="D46" s="25"/>
      <c r="E46" s="25"/>
      <c r="F46" s="25"/>
      <c r="G46" s="25"/>
      <c r="H46" s="25"/>
      <c r="I46" s="25"/>
      <c r="J46" s="25"/>
      <c r="K46" s="25"/>
      <c r="L46" s="25"/>
      <c r="M46" s="25"/>
      <c r="N46" s="25"/>
      <c r="O46" s="25"/>
      <c r="P46" s="25"/>
      <c r="Q46" s="25"/>
      <c r="R46" s="25"/>
      <c r="S46" s="25"/>
      <c r="T46" s="25"/>
      <c r="U46" s="25"/>
      <c r="V46" s="25"/>
      <c r="W46" s="25"/>
      <c r="X46" s="25"/>
      <c r="Y46" s="25"/>
    </row>
    <row r="47" spans="1:25">
      <c r="A47" s="25"/>
      <c r="B47" s="25"/>
      <c r="C47" s="25"/>
      <c r="D47" s="25"/>
      <c r="E47" s="25"/>
      <c r="F47" s="25"/>
      <c r="G47" s="25"/>
      <c r="H47" s="25"/>
      <c r="I47" s="25"/>
      <c r="J47" s="25"/>
      <c r="K47" s="25"/>
      <c r="L47" s="25"/>
      <c r="M47" s="25"/>
      <c r="N47" s="25"/>
      <c r="O47" s="25"/>
      <c r="P47" s="25"/>
      <c r="Q47" s="25"/>
      <c r="R47" s="25"/>
      <c r="S47" s="25"/>
      <c r="T47" s="25"/>
      <c r="U47" s="25"/>
      <c r="V47" s="25"/>
      <c r="W47" s="25"/>
      <c r="X47" s="25"/>
      <c r="Y47" s="25"/>
    </row>
    <row r="48" spans="1:25">
      <c r="A48" s="25"/>
      <c r="B48" s="25"/>
      <c r="C48" s="25"/>
      <c r="D48" s="25"/>
      <c r="E48" s="25"/>
      <c r="F48" s="25"/>
      <c r="G48" s="25"/>
      <c r="H48" s="25"/>
      <c r="I48" s="25"/>
      <c r="J48" s="25"/>
      <c r="K48" s="25"/>
      <c r="L48" s="25"/>
      <c r="M48" s="25"/>
      <c r="N48" s="25"/>
      <c r="O48" s="25"/>
      <c r="P48" s="25"/>
      <c r="Q48" s="25"/>
      <c r="R48" s="25"/>
      <c r="S48" s="25"/>
      <c r="T48" s="25"/>
      <c r="U48" s="25"/>
      <c r="V48" s="25"/>
      <c r="W48" s="25"/>
      <c r="X48" s="25"/>
      <c r="Y48" s="25"/>
    </row>
    <row r="49" spans="1:25">
      <c r="A49" s="25"/>
      <c r="B49" s="25"/>
      <c r="C49" s="25"/>
      <c r="D49" s="25"/>
      <c r="E49" s="25"/>
      <c r="F49" s="25"/>
      <c r="G49" s="25"/>
      <c r="H49" s="25"/>
      <c r="I49" s="25"/>
      <c r="J49" s="25"/>
      <c r="K49" s="25"/>
      <c r="L49" s="25"/>
      <c r="M49" s="25"/>
      <c r="N49" s="25"/>
      <c r="O49" s="25"/>
      <c r="P49" s="25"/>
      <c r="Q49" s="25"/>
      <c r="R49" s="25"/>
      <c r="S49" s="25"/>
      <c r="T49" s="25"/>
      <c r="U49" s="25"/>
      <c r="V49" s="25"/>
      <c r="W49" s="25"/>
      <c r="X49" s="25"/>
      <c r="Y49" s="25"/>
    </row>
    <row r="50" spans="1:25">
      <c r="A50" s="3"/>
      <c r="B50" s="3"/>
      <c r="C50" s="3"/>
      <c r="D50" s="3"/>
      <c r="E50" s="3"/>
      <c r="F50" s="3"/>
      <c r="G50" s="3"/>
      <c r="H50" s="3"/>
      <c r="I50" s="3"/>
      <c r="J50" s="3"/>
      <c r="K50" s="3"/>
      <c r="L50" s="3"/>
      <c r="M50" s="3"/>
      <c r="N50" s="3"/>
      <c r="O50" s="3"/>
      <c r="P50" s="3"/>
      <c r="Q50" s="3"/>
      <c r="R50" s="3"/>
      <c r="S50" s="3"/>
      <c r="T50" s="3"/>
      <c r="U50" s="3"/>
      <c r="V50" s="3"/>
      <c r="W50" s="3"/>
      <c r="X50" s="3"/>
      <c r="Y50" s="3"/>
    </row>
  </sheetData>
  <phoneticPr fontId="1"/>
  <pageMargins left="0.31496062992125984" right="0.31496062992125984" top="0.6692913385826772" bottom="0.51181102362204722" header="0.31496062992125984" footer="0.31496062992125984"/>
  <pageSetup paperSize="9" orientation="landscape" r:id="rId1"/>
  <headerFooter>
    <oddHeader>&amp;C&amp;"HGS教科書体,ﾒﾃﾞｨｳﾑ"&amp;16令和2年度印西漢字マスター　５・６級（書き）練習問題　　　　学校　　年　　組　名前[　　　　　　　]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Y78"/>
  <sheetViews>
    <sheetView tabSelected="1" showRuler="0" topLeftCell="D4" zoomScaleNormal="100" workbookViewId="0">
      <selection activeCell="AB7" sqref="AA7:AB7"/>
    </sheetView>
  </sheetViews>
  <sheetFormatPr defaultColWidth="8.875" defaultRowHeight="13.5"/>
  <cols>
    <col min="1" max="25" width="5.625" style="18" customWidth="1"/>
    <col min="26" max="16384" width="8.875" style="18"/>
  </cols>
  <sheetData>
    <row r="1" spans="1:25" ht="21.2" customHeight="1">
      <c r="A1" s="8">
        <v>25</v>
      </c>
      <c r="B1" s="8">
        <v>24</v>
      </c>
      <c r="C1" s="8">
        <v>23</v>
      </c>
      <c r="D1" s="8">
        <v>22</v>
      </c>
      <c r="E1" s="8">
        <v>21</v>
      </c>
      <c r="F1" s="8">
        <v>20</v>
      </c>
      <c r="G1" s="8">
        <v>19</v>
      </c>
      <c r="H1" s="8">
        <v>18</v>
      </c>
      <c r="I1" s="8">
        <v>17</v>
      </c>
      <c r="J1" s="8">
        <v>16</v>
      </c>
      <c r="K1" s="8">
        <v>15</v>
      </c>
      <c r="L1" s="5">
        <v>14</v>
      </c>
      <c r="M1" s="8">
        <v>13</v>
      </c>
      <c r="N1" s="8">
        <v>12</v>
      </c>
      <c r="O1" s="8">
        <v>11</v>
      </c>
      <c r="P1" s="8">
        <v>10</v>
      </c>
      <c r="Q1" s="8">
        <v>9</v>
      </c>
      <c r="R1" s="8">
        <v>8</v>
      </c>
      <c r="S1" s="8">
        <v>7</v>
      </c>
      <c r="T1" s="8">
        <v>6</v>
      </c>
      <c r="U1" s="8">
        <v>5</v>
      </c>
      <c r="V1" s="8">
        <v>4</v>
      </c>
      <c r="W1" s="8">
        <v>3</v>
      </c>
      <c r="X1" s="8">
        <v>2</v>
      </c>
      <c r="Y1" s="8">
        <v>1</v>
      </c>
    </row>
    <row r="2" spans="1:25" s="19" customFormat="1" ht="9.75" customHeight="1">
      <c r="A2" s="9"/>
      <c r="B2" s="9"/>
      <c r="C2" s="9"/>
      <c r="D2" s="9"/>
      <c r="E2" s="9"/>
      <c r="F2" s="9"/>
      <c r="G2" s="9"/>
      <c r="H2" s="9"/>
      <c r="I2" s="9"/>
      <c r="J2" s="9"/>
      <c r="K2" s="9"/>
      <c r="L2" s="6"/>
      <c r="M2" s="9"/>
      <c r="N2" s="9"/>
      <c r="O2" s="9"/>
      <c r="P2" s="9"/>
      <c r="Q2" s="9"/>
      <c r="R2" s="9"/>
      <c r="S2" s="9"/>
      <c r="T2" s="9"/>
      <c r="U2" s="9"/>
      <c r="V2" s="9"/>
      <c r="W2" s="9"/>
      <c r="X2" s="9"/>
      <c r="Y2" s="9"/>
    </row>
    <row r="3" spans="1:25" ht="240.95" customHeight="1">
      <c r="A3" s="10" t="s">
        <v>181</v>
      </c>
      <c r="B3" s="10" t="s">
        <v>182</v>
      </c>
      <c r="C3" s="27" t="s">
        <v>404</v>
      </c>
      <c r="D3" s="10" t="s">
        <v>184</v>
      </c>
      <c r="E3" s="10" t="s">
        <v>185</v>
      </c>
      <c r="F3" s="10" t="s">
        <v>403</v>
      </c>
      <c r="G3" s="10" t="s">
        <v>186</v>
      </c>
      <c r="H3" s="10" t="s">
        <v>187</v>
      </c>
      <c r="I3" s="10" t="s">
        <v>188</v>
      </c>
      <c r="J3" s="10" t="s">
        <v>189</v>
      </c>
      <c r="K3" s="10" t="s">
        <v>190</v>
      </c>
      <c r="L3" s="7" t="s">
        <v>393</v>
      </c>
      <c r="M3" s="10" t="s">
        <v>389</v>
      </c>
      <c r="N3" s="10" t="s">
        <v>191</v>
      </c>
      <c r="O3" s="10" t="s">
        <v>192</v>
      </c>
      <c r="P3" s="10" t="s">
        <v>363</v>
      </c>
      <c r="Q3" s="10" t="s">
        <v>193</v>
      </c>
      <c r="R3" s="10" t="s">
        <v>407</v>
      </c>
      <c r="S3" s="10" t="s">
        <v>194</v>
      </c>
      <c r="T3" s="10" t="s">
        <v>195</v>
      </c>
      <c r="U3" s="10" t="s">
        <v>196</v>
      </c>
      <c r="V3" s="10" t="s">
        <v>197</v>
      </c>
      <c r="W3" s="10" t="s">
        <v>198</v>
      </c>
      <c r="X3" s="10" t="s">
        <v>199</v>
      </c>
      <c r="Y3" s="10" t="s">
        <v>405</v>
      </c>
    </row>
    <row r="4" spans="1:25">
      <c r="A4" s="20"/>
      <c r="B4" s="20"/>
      <c r="C4" s="20"/>
      <c r="D4" s="20"/>
      <c r="E4" s="20"/>
      <c r="F4" s="20"/>
      <c r="G4" s="20"/>
      <c r="H4" s="20"/>
      <c r="I4" s="20"/>
      <c r="J4" s="20"/>
      <c r="K4" s="20"/>
      <c r="L4" s="21"/>
      <c r="M4" s="20"/>
      <c r="N4" s="20"/>
      <c r="O4" s="20"/>
      <c r="P4" s="20"/>
      <c r="Q4" s="20"/>
      <c r="R4" s="20"/>
      <c r="S4" s="20"/>
      <c r="T4" s="20"/>
      <c r="U4" s="20"/>
      <c r="V4" s="20"/>
      <c r="W4" s="20"/>
      <c r="X4" s="20"/>
      <c r="Y4" s="20"/>
    </row>
    <row r="5" spans="1:25" ht="21" customHeight="1">
      <c r="A5" s="8">
        <v>25</v>
      </c>
      <c r="B5" s="8">
        <v>24</v>
      </c>
      <c r="C5" s="12">
        <v>23</v>
      </c>
      <c r="D5" s="8">
        <v>22</v>
      </c>
      <c r="E5" s="8">
        <v>21</v>
      </c>
      <c r="F5" s="8">
        <v>20</v>
      </c>
      <c r="G5" s="8">
        <v>19</v>
      </c>
      <c r="H5" s="8">
        <v>18</v>
      </c>
      <c r="I5" s="8">
        <v>17</v>
      </c>
      <c r="J5" s="8">
        <v>16</v>
      </c>
      <c r="K5" s="8">
        <v>15</v>
      </c>
      <c r="L5" s="12">
        <v>14</v>
      </c>
      <c r="M5" s="8">
        <v>13</v>
      </c>
      <c r="N5" s="8">
        <v>12</v>
      </c>
      <c r="O5" s="8">
        <v>11</v>
      </c>
      <c r="P5" s="8">
        <v>10</v>
      </c>
      <c r="Q5" s="8">
        <v>9</v>
      </c>
      <c r="R5" s="8">
        <v>8</v>
      </c>
      <c r="S5" s="12">
        <v>7</v>
      </c>
      <c r="T5" s="12">
        <v>6</v>
      </c>
      <c r="U5" s="12">
        <v>5</v>
      </c>
      <c r="V5" s="8">
        <v>4</v>
      </c>
      <c r="W5" s="8">
        <v>3</v>
      </c>
      <c r="X5" s="8">
        <v>2</v>
      </c>
      <c r="Y5" s="8">
        <v>1</v>
      </c>
    </row>
    <row r="6" spans="1:25" s="19" customFormat="1" ht="9.75" customHeight="1">
      <c r="A6" s="9"/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  <c r="Q6" s="9"/>
      <c r="R6" s="9"/>
      <c r="S6" s="9"/>
      <c r="T6" s="9"/>
      <c r="U6" s="9"/>
      <c r="V6" s="9"/>
      <c r="W6" s="9"/>
      <c r="X6" s="9"/>
      <c r="Y6" s="9"/>
    </row>
    <row r="7" spans="1:25" ht="240.95" customHeight="1">
      <c r="A7" s="10" t="s">
        <v>0</v>
      </c>
      <c r="B7" s="10" t="s">
        <v>1</v>
      </c>
      <c r="C7" s="10" t="s">
        <v>2</v>
      </c>
      <c r="D7" s="10" t="s">
        <v>3</v>
      </c>
      <c r="E7" s="10" t="s">
        <v>4</v>
      </c>
      <c r="F7" s="10" t="s">
        <v>5</v>
      </c>
      <c r="G7" s="10" t="s">
        <v>6</v>
      </c>
      <c r="H7" s="10" t="s">
        <v>7</v>
      </c>
      <c r="I7" s="10" t="s">
        <v>8</v>
      </c>
      <c r="J7" s="10" t="s">
        <v>9</v>
      </c>
      <c r="K7" s="10" t="s">
        <v>10</v>
      </c>
      <c r="L7" s="7" t="s">
        <v>394</v>
      </c>
      <c r="M7" s="10" t="s">
        <v>11</v>
      </c>
      <c r="N7" s="10" t="s">
        <v>12</v>
      </c>
      <c r="O7" s="10" t="s">
        <v>13</v>
      </c>
      <c r="P7" s="10" t="s">
        <v>14</v>
      </c>
      <c r="Q7" s="10" t="s">
        <v>15</v>
      </c>
      <c r="R7" s="10" t="s">
        <v>410</v>
      </c>
      <c r="S7" s="11" t="s">
        <v>16</v>
      </c>
      <c r="T7" s="10" t="s">
        <v>17</v>
      </c>
      <c r="U7" s="10" t="s">
        <v>18</v>
      </c>
      <c r="V7" s="10" t="s">
        <v>19</v>
      </c>
      <c r="W7" s="10" t="s">
        <v>20</v>
      </c>
      <c r="X7" s="10" t="s">
        <v>21</v>
      </c>
      <c r="Y7" s="10" t="s">
        <v>22</v>
      </c>
    </row>
    <row r="8" spans="1:25" ht="21.2" customHeight="1">
      <c r="A8" s="8">
        <v>50</v>
      </c>
      <c r="B8" s="8">
        <v>49</v>
      </c>
      <c r="C8" s="5">
        <v>48</v>
      </c>
      <c r="D8" s="8">
        <v>47</v>
      </c>
      <c r="E8" s="8">
        <v>46</v>
      </c>
      <c r="F8" s="8">
        <v>45</v>
      </c>
      <c r="G8" s="8">
        <v>44</v>
      </c>
      <c r="H8" s="8">
        <v>43</v>
      </c>
      <c r="I8" s="8">
        <v>42</v>
      </c>
      <c r="J8" s="8">
        <v>41</v>
      </c>
      <c r="K8" s="8">
        <v>40</v>
      </c>
      <c r="L8" s="8">
        <v>39</v>
      </c>
      <c r="M8" s="8">
        <v>38</v>
      </c>
      <c r="N8" s="5">
        <v>37</v>
      </c>
      <c r="O8" s="5">
        <v>36</v>
      </c>
      <c r="P8" s="5">
        <v>35</v>
      </c>
      <c r="Q8" s="8">
        <v>34</v>
      </c>
      <c r="R8" s="8">
        <v>33</v>
      </c>
      <c r="S8" s="8">
        <v>32</v>
      </c>
      <c r="T8" s="8">
        <v>31</v>
      </c>
      <c r="U8" s="8">
        <v>30</v>
      </c>
      <c r="V8" s="5">
        <v>29</v>
      </c>
      <c r="W8" s="5">
        <v>28</v>
      </c>
      <c r="X8" s="5">
        <v>27</v>
      </c>
      <c r="Y8" s="8">
        <v>26</v>
      </c>
    </row>
    <row r="9" spans="1:25" ht="10.5" customHeight="1">
      <c r="A9" s="9"/>
      <c r="B9" s="9"/>
      <c r="C9" s="6"/>
      <c r="D9" s="9"/>
      <c r="E9" s="9"/>
      <c r="F9" s="9"/>
      <c r="G9" s="9"/>
      <c r="H9" s="9"/>
      <c r="I9" s="9"/>
      <c r="J9" s="9"/>
      <c r="K9" s="9"/>
      <c r="L9" s="9"/>
      <c r="M9" s="9"/>
      <c r="N9" s="6"/>
      <c r="O9" s="6"/>
      <c r="P9" s="6"/>
      <c r="Q9" s="9"/>
      <c r="R9" s="9"/>
      <c r="S9" s="9"/>
      <c r="T9" s="9"/>
      <c r="U9" s="9"/>
      <c r="V9" s="6"/>
      <c r="W9" s="6"/>
      <c r="X9" s="6"/>
      <c r="Y9" s="9"/>
    </row>
    <row r="10" spans="1:25" ht="240.95" customHeight="1">
      <c r="A10" s="10" t="s">
        <v>201</v>
      </c>
      <c r="B10" s="10" t="s">
        <v>364</v>
      </c>
      <c r="C10" s="13" t="s">
        <v>290</v>
      </c>
      <c r="D10" s="10" t="s">
        <v>104</v>
      </c>
      <c r="E10" s="10" t="s">
        <v>105</v>
      </c>
      <c r="F10" s="10" t="s">
        <v>106</v>
      </c>
      <c r="G10" s="10" t="s">
        <v>305</v>
      </c>
      <c r="H10" s="10" t="s">
        <v>107</v>
      </c>
      <c r="I10" s="10" t="s">
        <v>108</v>
      </c>
      <c r="J10" s="10" t="s">
        <v>109</v>
      </c>
      <c r="K10" s="10" t="s">
        <v>365</v>
      </c>
      <c r="L10" s="10" t="s">
        <v>110</v>
      </c>
      <c r="M10" s="10" t="s">
        <v>111</v>
      </c>
      <c r="N10" s="7" t="s">
        <v>395</v>
      </c>
      <c r="O10" s="7" t="s">
        <v>366</v>
      </c>
      <c r="P10" s="7" t="s">
        <v>327</v>
      </c>
      <c r="Q10" s="10" t="s">
        <v>112</v>
      </c>
      <c r="R10" s="10" t="s">
        <v>326</v>
      </c>
      <c r="S10" s="10" t="s">
        <v>113</v>
      </c>
      <c r="T10" s="10" t="s">
        <v>114</v>
      </c>
      <c r="U10" s="10" t="s">
        <v>115</v>
      </c>
      <c r="V10" s="7" t="s">
        <v>367</v>
      </c>
      <c r="W10" s="13" t="s">
        <v>116</v>
      </c>
      <c r="X10" s="13" t="s">
        <v>288</v>
      </c>
      <c r="Y10" s="10" t="s">
        <v>347</v>
      </c>
    </row>
    <row r="11" spans="1:25">
      <c r="A11" s="20"/>
      <c r="B11" s="20"/>
      <c r="C11" s="21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21"/>
      <c r="O11" s="21"/>
      <c r="P11" s="21"/>
      <c r="Q11" s="20"/>
      <c r="R11" s="20"/>
      <c r="S11" s="20"/>
      <c r="T11" s="20"/>
      <c r="U11" s="20"/>
      <c r="V11" s="21"/>
      <c r="W11" s="21"/>
      <c r="X11" s="21"/>
      <c r="Y11" s="20"/>
    </row>
    <row r="12" spans="1:25" ht="21.2" customHeight="1">
      <c r="A12" s="12">
        <v>50</v>
      </c>
      <c r="B12" s="12">
        <v>49</v>
      </c>
      <c r="C12" s="12">
        <v>48</v>
      </c>
      <c r="D12" s="12">
        <v>47</v>
      </c>
      <c r="E12" s="12">
        <v>46</v>
      </c>
      <c r="F12" s="12">
        <v>45</v>
      </c>
      <c r="G12" s="12">
        <v>44</v>
      </c>
      <c r="H12" s="12">
        <v>43</v>
      </c>
      <c r="I12" s="12">
        <v>42</v>
      </c>
      <c r="J12" s="12">
        <v>41</v>
      </c>
      <c r="K12" s="12">
        <v>40</v>
      </c>
      <c r="L12" s="12">
        <v>39</v>
      </c>
      <c r="M12" s="12">
        <v>38</v>
      </c>
      <c r="N12" s="12">
        <v>37</v>
      </c>
      <c r="O12" s="12">
        <v>36</v>
      </c>
      <c r="P12" s="12">
        <v>35</v>
      </c>
      <c r="Q12" s="12">
        <v>34</v>
      </c>
      <c r="R12" s="12">
        <v>33</v>
      </c>
      <c r="S12" s="12">
        <v>32</v>
      </c>
      <c r="T12" s="12">
        <v>31</v>
      </c>
      <c r="U12" s="12">
        <v>30</v>
      </c>
      <c r="V12" s="12">
        <v>29</v>
      </c>
      <c r="W12" s="12">
        <v>28</v>
      </c>
      <c r="X12" s="12">
        <v>27</v>
      </c>
      <c r="Y12" s="8">
        <v>26</v>
      </c>
    </row>
    <row r="13" spans="1:25" ht="10.5" customHeight="1">
      <c r="A13" s="9"/>
      <c r="B13" s="9"/>
      <c r="C13" s="6"/>
      <c r="D13" s="9"/>
      <c r="E13" s="9"/>
      <c r="F13" s="9"/>
      <c r="G13" s="9"/>
      <c r="H13" s="9"/>
      <c r="I13" s="9"/>
      <c r="J13" s="9"/>
      <c r="K13" s="9"/>
      <c r="L13" s="9"/>
      <c r="M13" s="9"/>
      <c r="N13" s="6"/>
      <c r="O13" s="6"/>
      <c r="P13" s="6"/>
      <c r="Q13" s="9"/>
      <c r="R13" s="9"/>
      <c r="S13" s="9"/>
      <c r="T13" s="9"/>
      <c r="U13" s="9"/>
      <c r="V13" s="6"/>
      <c r="W13" s="6"/>
      <c r="X13" s="6"/>
      <c r="Y13" s="9"/>
    </row>
    <row r="14" spans="1:25" ht="240.95" customHeight="1">
      <c r="A14" s="10" t="s">
        <v>202</v>
      </c>
      <c r="B14" s="13" t="s">
        <v>348</v>
      </c>
      <c r="C14" s="13" t="s">
        <v>291</v>
      </c>
      <c r="D14" s="10" t="s">
        <v>23</v>
      </c>
      <c r="E14" s="10" t="s">
        <v>24</v>
      </c>
      <c r="F14" s="10" t="s">
        <v>25</v>
      </c>
      <c r="G14" s="13" t="s">
        <v>304</v>
      </c>
      <c r="H14" s="10" t="s">
        <v>26</v>
      </c>
      <c r="I14" s="10" t="s">
        <v>27</v>
      </c>
      <c r="J14" s="10" t="s">
        <v>28</v>
      </c>
      <c r="K14" s="10" t="s">
        <v>349</v>
      </c>
      <c r="L14" s="10" t="s">
        <v>29</v>
      </c>
      <c r="M14" s="10" t="s">
        <v>30</v>
      </c>
      <c r="N14" s="7" t="s">
        <v>397</v>
      </c>
      <c r="O14" s="7" t="s">
        <v>289</v>
      </c>
      <c r="P14" s="7" t="s">
        <v>328</v>
      </c>
      <c r="Q14" s="10" t="s">
        <v>31</v>
      </c>
      <c r="R14" s="10" t="s">
        <v>329</v>
      </c>
      <c r="S14" s="10" t="s">
        <v>32</v>
      </c>
      <c r="T14" s="10" t="s">
        <v>33</v>
      </c>
      <c r="U14" s="10" t="s">
        <v>34</v>
      </c>
      <c r="V14" s="7" t="s">
        <v>396</v>
      </c>
      <c r="W14" s="13" t="s">
        <v>35</v>
      </c>
      <c r="X14" s="13" t="s">
        <v>36</v>
      </c>
      <c r="Y14" s="10" t="s">
        <v>346</v>
      </c>
    </row>
    <row r="15" spans="1:25" ht="21.2" customHeight="1">
      <c r="A15" s="8">
        <v>75</v>
      </c>
      <c r="B15" s="8">
        <v>74</v>
      </c>
      <c r="C15" s="8">
        <v>73</v>
      </c>
      <c r="D15" s="5">
        <v>72</v>
      </c>
      <c r="E15" s="8">
        <v>71</v>
      </c>
      <c r="F15" s="5">
        <v>70</v>
      </c>
      <c r="G15" s="8">
        <v>69</v>
      </c>
      <c r="H15" s="8">
        <v>68</v>
      </c>
      <c r="I15" s="5">
        <v>67</v>
      </c>
      <c r="J15" s="8">
        <v>66</v>
      </c>
      <c r="K15" s="5">
        <v>65</v>
      </c>
      <c r="L15" s="8">
        <v>64</v>
      </c>
      <c r="M15" s="8">
        <v>63</v>
      </c>
      <c r="N15" s="8">
        <v>62</v>
      </c>
      <c r="O15" s="8">
        <v>61</v>
      </c>
      <c r="P15" s="5">
        <v>60</v>
      </c>
      <c r="Q15" s="8">
        <v>59</v>
      </c>
      <c r="R15" s="5">
        <v>58</v>
      </c>
      <c r="S15" s="5">
        <v>57</v>
      </c>
      <c r="T15" s="8">
        <v>56</v>
      </c>
      <c r="U15" s="8">
        <v>55</v>
      </c>
      <c r="V15" s="5">
        <v>54</v>
      </c>
      <c r="W15" s="8">
        <v>53</v>
      </c>
      <c r="X15" s="8">
        <v>52</v>
      </c>
      <c r="Y15" s="8">
        <v>51</v>
      </c>
    </row>
    <row r="16" spans="1:25" s="19" customFormat="1" ht="9.75" customHeight="1">
      <c r="A16" s="9"/>
      <c r="B16" s="9"/>
      <c r="C16" s="9"/>
      <c r="D16" s="6"/>
      <c r="E16" s="9"/>
      <c r="F16" s="6"/>
      <c r="G16" s="9"/>
      <c r="H16" s="9"/>
      <c r="I16" s="6"/>
      <c r="J16" s="9"/>
      <c r="K16" s="6"/>
      <c r="L16" s="9"/>
      <c r="M16" s="9"/>
      <c r="N16" s="9"/>
      <c r="O16" s="9"/>
      <c r="P16" s="6"/>
      <c r="Q16" s="9"/>
      <c r="R16" s="6"/>
      <c r="S16" s="6"/>
      <c r="T16" s="9"/>
      <c r="U16" s="9"/>
      <c r="V16" s="6"/>
      <c r="W16" s="9"/>
      <c r="X16" s="9"/>
      <c r="Y16" s="9"/>
    </row>
    <row r="17" spans="1:25" ht="240.95" customHeight="1">
      <c r="A17" s="10" t="s">
        <v>203</v>
      </c>
      <c r="B17" s="10" t="s">
        <v>390</v>
      </c>
      <c r="C17" s="13" t="s">
        <v>309</v>
      </c>
      <c r="D17" s="13" t="s">
        <v>293</v>
      </c>
      <c r="E17" s="10" t="s">
        <v>117</v>
      </c>
      <c r="F17" s="13" t="s">
        <v>306</v>
      </c>
      <c r="G17" s="11" t="s">
        <v>118</v>
      </c>
      <c r="H17" s="10" t="s">
        <v>292</v>
      </c>
      <c r="I17" s="13" t="s">
        <v>119</v>
      </c>
      <c r="J17" s="10" t="s">
        <v>120</v>
      </c>
      <c r="K17" s="13" t="s">
        <v>121</v>
      </c>
      <c r="L17" s="11" t="s">
        <v>122</v>
      </c>
      <c r="M17" s="10" t="s">
        <v>123</v>
      </c>
      <c r="N17" s="10" t="s">
        <v>124</v>
      </c>
      <c r="O17" s="10" t="s">
        <v>398</v>
      </c>
      <c r="P17" s="13" t="s">
        <v>204</v>
      </c>
      <c r="Q17" s="10" t="s">
        <v>125</v>
      </c>
      <c r="R17" s="13" t="s">
        <v>369</v>
      </c>
      <c r="S17" s="7" t="s">
        <v>126</v>
      </c>
      <c r="T17" s="10" t="s">
        <v>127</v>
      </c>
      <c r="U17" s="10" t="s">
        <v>332</v>
      </c>
      <c r="V17" s="13" t="s">
        <v>128</v>
      </c>
      <c r="W17" s="10" t="s">
        <v>205</v>
      </c>
      <c r="X17" s="10" t="s">
        <v>391</v>
      </c>
      <c r="Y17" s="10" t="s">
        <v>206</v>
      </c>
    </row>
    <row r="18" spans="1:25">
      <c r="A18" s="20"/>
      <c r="B18" s="20"/>
      <c r="C18" s="20"/>
      <c r="D18" s="21"/>
      <c r="E18" s="20"/>
      <c r="F18" s="21"/>
      <c r="G18" s="20"/>
      <c r="H18" s="20"/>
      <c r="I18" s="21"/>
      <c r="J18" s="20"/>
      <c r="K18" s="21"/>
      <c r="L18" s="20"/>
      <c r="M18" s="20"/>
      <c r="N18" s="20"/>
      <c r="O18" s="20"/>
      <c r="P18" s="21"/>
      <c r="Q18" s="20"/>
      <c r="R18" s="21"/>
      <c r="S18" s="21"/>
      <c r="T18" s="20"/>
      <c r="U18" s="20"/>
      <c r="V18" s="21"/>
      <c r="W18" s="20"/>
      <c r="X18" s="20"/>
      <c r="Y18" s="20"/>
    </row>
    <row r="19" spans="1:25" s="22" customFormat="1" ht="21.2" customHeight="1">
      <c r="A19" s="8">
        <v>75</v>
      </c>
      <c r="B19" s="8">
        <v>74</v>
      </c>
      <c r="C19" s="8">
        <v>73</v>
      </c>
      <c r="D19" s="12">
        <v>72</v>
      </c>
      <c r="E19" s="12">
        <v>71</v>
      </c>
      <c r="F19" s="12">
        <v>70</v>
      </c>
      <c r="G19" s="12">
        <v>69</v>
      </c>
      <c r="H19" s="12">
        <v>68</v>
      </c>
      <c r="I19" s="12">
        <v>67</v>
      </c>
      <c r="J19" s="12">
        <v>66</v>
      </c>
      <c r="K19" s="12">
        <v>65</v>
      </c>
      <c r="L19" s="12">
        <v>64</v>
      </c>
      <c r="M19" s="12">
        <v>63</v>
      </c>
      <c r="N19" s="12">
        <v>62</v>
      </c>
      <c r="O19" s="12">
        <v>61</v>
      </c>
      <c r="P19" s="12">
        <v>60</v>
      </c>
      <c r="Q19" s="12">
        <v>59</v>
      </c>
      <c r="R19" s="12">
        <v>58</v>
      </c>
      <c r="S19" s="12">
        <v>57</v>
      </c>
      <c r="T19" s="12">
        <v>56</v>
      </c>
      <c r="U19" s="12">
        <v>55</v>
      </c>
      <c r="V19" s="12">
        <v>54</v>
      </c>
      <c r="W19" s="8">
        <v>53</v>
      </c>
      <c r="X19" s="8">
        <v>52</v>
      </c>
      <c r="Y19" s="8">
        <v>51</v>
      </c>
    </row>
    <row r="20" spans="1:25" s="23" customFormat="1" ht="9.75" customHeight="1">
      <c r="A20" s="9"/>
      <c r="B20" s="9"/>
      <c r="C20" s="9"/>
      <c r="D20" s="6"/>
      <c r="E20" s="9"/>
      <c r="F20" s="6"/>
      <c r="G20" s="9"/>
      <c r="H20" s="9"/>
      <c r="I20" s="6"/>
      <c r="J20" s="9"/>
      <c r="K20" s="6"/>
      <c r="L20" s="9"/>
      <c r="M20" s="9"/>
      <c r="N20" s="9"/>
      <c r="O20" s="9"/>
      <c r="P20" s="6"/>
      <c r="Q20" s="9"/>
      <c r="R20" s="6"/>
      <c r="S20" s="6"/>
      <c r="T20" s="9"/>
      <c r="U20" s="9"/>
      <c r="V20" s="6"/>
      <c r="W20" s="9"/>
      <c r="X20" s="9"/>
      <c r="Y20" s="9"/>
    </row>
    <row r="21" spans="1:25" s="22" customFormat="1" ht="240.95" customHeight="1">
      <c r="A21" s="10" t="s">
        <v>207</v>
      </c>
      <c r="B21" s="10" t="s">
        <v>208</v>
      </c>
      <c r="C21" s="13" t="s">
        <v>308</v>
      </c>
      <c r="D21" s="13" t="s">
        <v>37</v>
      </c>
      <c r="E21" s="10" t="s">
        <v>38</v>
      </c>
      <c r="F21" s="13" t="s">
        <v>307</v>
      </c>
      <c r="G21" s="10" t="s">
        <v>39</v>
      </c>
      <c r="H21" s="10" t="s">
        <v>40</v>
      </c>
      <c r="I21" s="13" t="s">
        <v>41</v>
      </c>
      <c r="J21" s="10" t="s">
        <v>42</v>
      </c>
      <c r="K21" s="13" t="s">
        <v>43</v>
      </c>
      <c r="L21" s="10" t="s">
        <v>44</v>
      </c>
      <c r="M21" s="10" t="s">
        <v>45</v>
      </c>
      <c r="N21" s="10" t="s">
        <v>46</v>
      </c>
      <c r="O21" s="10" t="s">
        <v>399</v>
      </c>
      <c r="P21" s="13" t="s">
        <v>47</v>
      </c>
      <c r="Q21" s="10" t="s">
        <v>48</v>
      </c>
      <c r="R21" s="14" t="s">
        <v>350</v>
      </c>
      <c r="S21" s="7" t="s">
        <v>173</v>
      </c>
      <c r="T21" s="10" t="s">
        <v>49</v>
      </c>
      <c r="U21" s="10" t="s">
        <v>331</v>
      </c>
      <c r="V21" s="13" t="s">
        <v>50</v>
      </c>
      <c r="W21" s="10" t="s">
        <v>209</v>
      </c>
      <c r="X21" s="10" t="s">
        <v>210</v>
      </c>
      <c r="Y21" s="10" t="s">
        <v>330</v>
      </c>
    </row>
    <row r="22" spans="1:25" ht="21.2" customHeight="1">
      <c r="A22" s="8">
        <v>100</v>
      </c>
      <c r="B22" s="5">
        <v>99</v>
      </c>
      <c r="C22" s="5">
        <v>98</v>
      </c>
      <c r="D22" s="8">
        <v>97</v>
      </c>
      <c r="E22" s="8">
        <v>96</v>
      </c>
      <c r="F22" s="8">
        <v>95</v>
      </c>
      <c r="G22" s="8">
        <v>94</v>
      </c>
      <c r="H22" s="8">
        <v>93</v>
      </c>
      <c r="I22" s="8">
        <v>92</v>
      </c>
      <c r="J22" s="5">
        <v>91</v>
      </c>
      <c r="K22" s="8">
        <v>90</v>
      </c>
      <c r="L22" s="8">
        <v>89</v>
      </c>
      <c r="M22" s="5">
        <v>88</v>
      </c>
      <c r="N22" s="8">
        <v>87</v>
      </c>
      <c r="O22" s="8">
        <v>86</v>
      </c>
      <c r="P22" s="8">
        <v>85</v>
      </c>
      <c r="Q22" s="8">
        <v>84</v>
      </c>
      <c r="R22" s="8">
        <v>83</v>
      </c>
      <c r="S22" s="8">
        <v>82</v>
      </c>
      <c r="T22" s="8">
        <v>81</v>
      </c>
      <c r="U22" s="8">
        <v>80</v>
      </c>
      <c r="V22" s="8">
        <v>79</v>
      </c>
      <c r="W22" s="8">
        <v>78</v>
      </c>
      <c r="X22" s="8">
        <v>77</v>
      </c>
      <c r="Y22" s="8">
        <v>76</v>
      </c>
    </row>
    <row r="23" spans="1:25" ht="10.5" customHeight="1">
      <c r="A23" s="9"/>
      <c r="B23" s="6"/>
      <c r="C23" s="6"/>
      <c r="D23" s="9"/>
      <c r="E23" s="9"/>
      <c r="F23" s="9"/>
      <c r="G23" s="9"/>
      <c r="H23" s="9"/>
      <c r="I23" s="9"/>
      <c r="J23" s="6"/>
      <c r="K23" s="9"/>
      <c r="L23" s="9"/>
      <c r="M23" s="6"/>
      <c r="N23" s="9"/>
      <c r="O23" s="9"/>
      <c r="P23" s="9"/>
      <c r="Q23" s="9"/>
      <c r="R23" s="9"/>
      <c r="S23" s="9"/>
      <c r="T23" s="9"/>
      <c r="U23" s="9"/>
      <c r="V23" s="9"/>
      <c r="W23" s="9"/>
      <c r="X23" s="9"/>
      <c r="Y23" s="9"/>
    </row>
    <row r="24" spans="1:25" ht="240.95" customHeight="1">
      <c r="A24" s="10" t="s">
        <v>211</v>
      </c>
      <c r="B24" s="13" t="s">
        <v>129</v>
      </c>
      <c r="C24" s="13" t="s">
        <v>130</v>
      </c>
      <c r="D24" s="10" t="s">
        <v>294</v>
      </c>
      <c r="E24" s="10" t="s">
        <v>131</v>
      </c>
      <c r="F24" s="11" t="s">
        <v>132</v>
      </c>
      <c r="G24" s="10" t="s">
        <v>133</v>
      </c>
      <c r="H24" s="10" t="s">
        <v>400</v>
      </c>
      <c r="I24" s="10" t="s">
        <v>295</v>
      </c>
      <c r="J24" s="13" t="s">
        <v>334</v>
      </c>
      <c r="K24" s="10" t="s">
        <v>134</v>
      </c>
      <c r="L24" s="10" t="s">
        <v>310</v>
      </c>
      <c r="M24" s="13" t="s">
        <v>135</v>
      </c>
      <c r="N24" s="10" t="s">
        <v>212</v>
      </c>
      <c r="O24" s="10" t="s">
        <v>213</v>
      </c>
      <c r="P24" s="10" t="s">
        <v>214</v>
      </c>
      <c r="Q24" s="10" t="s">
        <v>215</v>
      </c>
      <c r="R24" s="10" t="s">
        <v>371</v>
      </c>
      <c r="S24" s="10" t="s">
        <v>216</v>
      </c>
      <c r="T24" s="11" t="s">
        <v>372</v>
      </c>
      <c r="U24" s="10" t="s">
        <v>217</v>
      </c>
      <c r="V24" s="10" t="s">
        <v>218</v>
      </c>
      <c r="W24" s="10" t="s">
        <v>219</v>
      </c>
      <c r="X24" s="10" t="s">
        <v>220</v>
      </c>
      <c r="Y24" s="10" t="s">
        <v>221</v>
      </c>
    </row>
    <row r="25" spans="1:25" s="22" customFormat="1">
      <c r="A25" s="20"/>
      <c r="B25" s="21"/>
      <c r="C25" s="21"/>
      <c r="D25" s="20"/>
      <c r="E25" s="20"/>
      <c r="F25" s="20"/>
      <c r="G25" s="20"/>
      <c r="H25" s="20"/>
      <c r="I25" s="20"/>
      <c r="J25" s="21"/>
      <c r="K25" s="20"/>
      <c r="L25" s="20"/>
      <c r="M25" s="21"/>
      <c r="N25" s="20"/>
      <c r="O25" s="20"/>
      <c r="P25" s="20"/>
      <c r="Q25" s="20"/>
      <c r="R25" s="20"/>
      <c r="S25" s="20"/>
      <c r="T25" s="20"/>
      <c r="U25" s="20"/>
      <c r="V25" s="20"/>
      <c r="W25" s="20"/>
      <c r="X25" s="20"/>
      <c r="Y25" s="20"/>
    </row>
    <row r="26" spans="1:25" s="22" customFormat="1" ht="21.2" customHeight="1">
      <c r="A26" s="8">
        <v>100</v>
      </c>
      <c r="B26" s="12">
        <v>99</v>
      </c>
      <c r="C26" s="12">
        <v>98</v>
      </c>
      <c r="D26" s="12">
        <v>97</v>
      </c>
      <c r="E26" s="12">
        <v>96</v>
      </c>
      <c r="F26" s="12">
        <v>95</v>
      </c>
      <c r="G26" s="12">
        <v>94</v>
      </c>
      <c r="H26" s="12">
        <v>93</v>
      </c>
      <c r="I26" s="12">
        <v>92</v>
      </c>
      <c r="J26" s="12">
        <v>91</v>
      </c>
      <c r="K26" s="12">
        <v>90</v>
      </c>
      <c r="L26" s="12">
        <v>89</v>
      </c>
      <c r="M26" s="12">
        <v>88</v>
      </c>
      <c r="N26" s="12">
        <v>87</v>
      </c>
      <c r="O26" s="12">
        <v>86</v>
      </c>
      <c r="P26" s="12">
        <v>85</v>
      </c>
      <c r="Q26" s="12">
        <v>84</v>
      </c>
      <c r="R26" s="12">
        <v>83</v>
      </c>
      <c r="S26" s="12">
        <v>82</v>
      </c>
      <c r="T26" s="12">
        <v>81</v>
      </c>
      <c r="U26" s="12">
        <v>80</v>
      </c>
      <c r="V26" s="12">
        <v>79</v>
      </c>
      <c r="W26" s="12">
        <v>78</v>
      </c>
      <c r="X26" s="8">
        <v>77</v>
      </c>
      <c r="Y26" s="8">
        <v>76</v>
      </c>
    </row>
    <row r="27" spans="1:25" s="22" customFormat="1" ht="10.5" customHeight="1">
      <c r="A27" s="9"/>
      <c r="B27" s="6"/>
      <c r="C27" s="6"/>
      <c r="D27" s="9"/>
      <c r="E27" s="9"/>
      <c r="F27" s="9"/>
      <c r="G27" s="9"/>
      <c r="H27" s="9"/>
      <c r="I27" s="9"/>
      <c r="J27" s="6"/>
      <c r="K27" s="9"/>
      <c r="L27" s="9"/>
      <c r="M27" s="6"/>
      <c r="N27" s="9"/>
      <c r="O27" s="9"/>
      <c r="P27" s="9"/>
      <c r="Q27" s="9"/>
      <c r="R27" s="9"/>
      <c r="S27" s="9"/>
      <c r="T27" s="9"/>
      <c r="U27" s="9"/>
      <c r="V27" s="9"/>
      <c r="W27" s="9"/>
      <c r="X27" s="9"/>
      <c r="Y27" s="9"/>
    </row>
    <row r="28" spans="1:25" s="22" customFormat="1" ht="240.95" customHeight="1">
      <c r="A28" s="10" t="s">
        <v>222</v>
      </c>
      <c r="B28" s="13" t="s">
        <v>51</v>
      </c>
      <c r="C28" s="14" t="s">
        <v>52</v>
      </c>
      <c r="D28" s="10" t="s">
        <v>296</v>
      </c>
      <c r="E28" s="10" t="s">
        <v>53</v>
      </c>
      <c r="F28" s="10" t="s">
        <v>54</v>
      </c>
      <c r="G28" s="10" t="s">
        <v>55</v>
      </c>
      <c r="H28" s="10" t="s">
        <v>401</v>
      </c>
      <c r="I28" s="10" t="s">
        <v>297</v>
      </c>
      <c r="J28" s="13" t="s">
        <v>333</v>
      </c>
      <c r="K28" s="10" t="s">
        <v>56</v>
      </c>
      <c r="L28" s="13" t="s">
        <v>311</v>
      </c>
      <c r="M28" s="13" t="s">
        <v>57</v>
      </c>
      <c r="N28" s="10" t="s">
        <v>223</v>
      </c>
      <c r="O28" s="10" t="s">
        <v>224</v>
      </c>
      <c r="P28" s="10" t="s">
        <v>225</v>
      </c>
      <c r="Q28" s="10" t="s">
        <v>226</v>
      </c>
      <c r="R28" s="10" t="s">
        <v>335</v>
      </c>
      <c r="S28" s="10" t="s">
        <v>227</v>
      </c>
      <c r="T28" s="10" t="s">
        <v>228</v>
      </c>
      <c r="U28" s="10" t="s">
        <v>229</v>
      </c>
      <c r="V28" s="10" t="s">
        <v>230</v>
      </c>
      <c r="W28" s="10" t="s">
        <v>231</v>
      </c>
      <c r="X28" s="10" t="s">
        <v>232</v>
      </c>
      <c r="Y28" s="10" t="s">
        <v>233</v>
      </c>
    </row>
    <row r="29" spans="1:25" ht="15" customHeight="1">
      <c r="A29" s="8">
        <v>125</v>
      </c>
      <c r="B29" s="8">
        <v>124</v>
      </c>
      <c r="C29" s="5">
        <v>123</v>
      </c>
      <c r="D29" s="8">
        <v>122</v>
      </c>
      <c r="E29" s="8">
        <v>121</v>
      </c>
      <c r="F29" s="8">
        <v>120</v>
      </c>
      <c r="G29" s="8">
        <v>119</v>
      </c>
      <c r="H29" s="8">
        <v>118</v>
      </c>
      <c r="I29" s="5">
        <v>117</v>
      </c>
      <c r="J29" s="8">
        <v>116</v>
      </c>
      <c r="K29" s="5">
        <v>115</v>
      </c>
      <c r="L29" s="8">
        <v>114</v>
      </c>
      <c r="M29" s="8">
        <v>113</v>
      </c>
      <c r="N29" s="8">
        <v>112</v>
      </c>
      <c r="O29" s="5">
        <v>111</v>
      </c>
      <c r="P29" s="8">
        <v>110</v>
      </c>
      <c r="Q29" s="8">
        <v>109</v>
      </c>
      <c r="R29" s="8">
        <v>108</v>
      </c>
      <c r="S29" s="8">
        <v>107</v>
      </c>
      <c r="T29" s="8">
        <v>106</v>
      </c>
      <c r="U29" s="8">
        <v>105</v>
      </c>
      <c r="V29" s="8">
        <v>104</v>
      </c>
      <c r="W29" s="8">
        <v>103</v>
      </c>
      <c r="X29" s="8">
        <v>102</v>
      </c>
      <c r="Y29" s="8">
        <v>101</v>
      </c>
    </row>
    <row r="30" spans="1:25" s="19" customFormat="1" ht="9.75" customHeight="1">
      <c r="A30" s="9"/>
      <c r="B30" s="9"/>
      <c r="C30" s="6"/>
      <c r="D30" s="9"/>
      <c r="E30" s="9"/>
      <c r="F30" s="9"/>
      <c r="G30" s="9"/>
      <c r="H30" s="9"/>
      <c r="I30" s="6"/>
      <c r="J30" s="9"/>
      <c r="K30" s="6"/>
      <c r="L30" s="9"/>
      <c r="M30" s="9"/>
      <c r="N30" s="9"/>
      <c r="O30" s="6"/>
      <c r="P30" s="9"/>
      <c r="Q30" s="9"/>
      <c r="R30" s="9"/>
      <c r="S30" s="9"/>
      <c r="T30" s="9"/>
      <c r="U30" s="9"/>
      <c r="V30" s="9"/>
      <c r="W30" s="9"/>
      <c r="X30" s="9"/>
      <c r="Y30" s="9"/>
    </row>
    <row r="31" spans="1:25" ht="240.95" customHeight="1">
      <c r="A31" s="10" t="s">
        <v>299</v>
      </c>
      <c r="B31" s="10" t="s">
        <v>234</v>
      </c>
      <c r="C31" s="13" t="s">
        <v>136</v>
      </c>
      <c r="D31" s="10" t="s">
        <v>373</v>
      </c>
      <c r="E31" s="10" t="s">
        <v>137</v>
      </c>
      <c r="F31" s="10" t="s">
        <v>138</v>
      </c>
      <c r="G31" s="10" t="s">
        <v>374</v>
      </c>
      <c r="H31" s="10" t="s">
        <v>298</v>
      </c>
      <c r="I31" s="13" t="s">
        <v>174</v>
      </c>
      <c r="J31" s="10" t="s">
        <v>375</v>
      </c>
      <c r="K31" s="13" t="s">
        <v>314</v>
      </c>
      <c r="L31" s="10" t="s">
        <v>139</v>
      </c>
      <c r="M31" s="10" t="s">
        <v>140</v>
      </c>
      <c r="N31" s="10" t="s">
        <v>141</v>
      </c>
      <c r="O31" s="13" t="s">
        <v>142</v>
      </c>
      <c r="P31" s="10" t="s">
        <v>235</v>
      </c>
      <c r="Q31" s="10" t="s">
        <v>236</v>
      </c>
      <c r="R31" s="10" t="s">
        <v>237</v>
      </c>
      <c r="S31" s="10" t="s">
        <v>336</v>
      </c>
      <c r="T31" s="10" t="s">
        <v>238</v>
      </c>
      <c r="U31" s="10" t="s">
        <v>239</v>
      </c>
      <c r="V31" s="10" t="s">
        <v>240</v>
      </c>
      <c r="W31" s="10" t="s">
        <v>241</v>
      </c>
      <c r="X31" s="10" t="s">
        <v>242</v>
      </c>
      <c r="Y31" s="10" t="s">
        <v>312</v>
      </c>
    </row>
    <row r="32" spans="1:25">
      <c r="A32" s="20"/>
      <c r="B32" s="20"/>
      <c r="C32" s="21"/>
      <c r="D32" s="20"/>
      <c r="E32" s="20"/>
      <c r="F32" s="20"/>
      <c r="G32" s="20"/>
      <c r="H32" s="20"/>
      <c r="I32" s="21"/>
      <c r="J32" s="20"/>
      <c r="K32" s="21"/>
      <c r="L32" s="20"/>
      <c r="M32" s="20"/>
      <c r="N32" s="20"/>
      <c r="O32" s="21"/>
      <c r="P32" s="20"/>
      <c r="Q32" s="20"/>
      <c r="R32" s="20"/>
      <c r="S32" s="20"/>
      <c r="T32" s="20"/>
      <c r="U32" s="20"/>
      <c r="V32" s="20"/>
      <c r="W32" s="20"/>
      <c r="X32" s="20"/>
      <c r="Y32" s="20"/>
    </row>
    <row r="33" spans="1:25" s="22" customFormat="1" ht="21" customHeight="1">
      <c r="A33" s="8">
        <v>125</v>
      </c>
      <c r="B33" s="8">
        <v>124</v>
      </c>
      <c r="C33" s="5">
        <v>123</v>
      </c>
      <c r="D33" s="8">
        <v>122</v>
      </c>
      <c r="E33" s="8">
        <v>121</v>
      </c>
      <c r="F33" s="8">
        <v>120</v>
      </c>
      <c r="G33" s="8">
        <v>119</v>
      </c>
      <c r="H33" s="8">
        <v>118</v>
      </c>
      <c r="I33" s="5">
        <v>117</v>
      </c>
      <c r="J33" s="8">
        <v>116</v>
      </c>
      <c r="K33" s="5">
        <v>115</v>
      </c>
      <c r="L33" s="8">
        <v>114</v>
      </c>
      <c r="M33" s="8">
        <v>113</v>
      </c>
      <c r="N33" s="8">
        <v>112</v>
      </c>
      <c r="O33" s="5">
        <v>111</v>
      </c>
      <c r="P33" s="8">
        <v>110</v>
      </c>
      <c r="Q33" s="8">
        <v>109</v>
      </c>
      <c r="R33" s="8">
        <v>108</v>
      </c>
      <c r="S33" s="8">
        <v>107</v>
      </c>
      <c r="T33" s="8">
        <v>106</v>
      </c>
      <c r="U33" s="8">
        <v>105</v>
      </c>
      <c r="V33" s="8">
        <v>104</v>
      </c>
      <c r="W33" s="8">
        <v>103</v>
      </c>
      <c r="X33" s="8">
        <v>102</v>
      </c>
      <c r="Y33" s="8">
        <v>101</v>
      </c>
    </row>
    <row r="34" spans="1:25" s="23" customFormat="1" ht="9.75" customHeight="1">
      <c r="A34" s="9"/>
      <c r="B34" s="9"/>
      <c r="C34" s="6"/>
      <c r="D34" s="9"/>
      <c r="E34" s="9"/>
      <c r="F34" s="9"/>
      <c r="G34" s="9"/>
      <c r="H34" s="9"/>
      <c r="I34" s="6"/>
      <c r="J34" s="9"/>
      <c r="K34" s="6"/>
      <c r="L34" s="9"/>
      <c r="M34" s="9"/>
      <c r="N34" s="9"/>
      <c r="O34" s="6"/>
      <c r="P34" s="9"/>
      <c r="Q34" s="9"/>
      <c r="R34" s="9"/>
      <c r="S34" s="9"/>
      <c r="T34" s="9"/>
      <c r="U34" s="9"/>
      <c r="V34" s="9"/>
      <c r="W34" s="9"/>
      <c r="X34" s="9"/>
      <c r="Y34" s="9"/>
    </row>
    <row r="35" spans="1:25" s="22" customFormat="1" ht="240.95" customHeight="1">
      <c r="A35" s="10" t="s">
        <v>300</v>
      </c>
      <c r="B35" s="10" t="s">
        <v>243</v>
      </c>
      <c r="C35" s="13" t="s">
        <v>58</v>
      </c>
      <c r="D35" s="10" t="s">
        <v>59</v>
      </c>
      <c r="E35" s="10" t="s">
        <v>60</v>
      </c>
      <c r="F35" s="10" t="s">
        <v>61</v>
      </c>
      <c r="G35" s="13" t="s">
        <v>351</v>
      </c>
      <c r="H35" s="10" t="s">
        <v>303</v>
      </c>
      <c r="I35" s="15" t="s">
        <v>62</v>
      </c>
      <c r="J35" s="10" t="s">
        <v>301</v>
      </c>
      <c r="K35" s="13" t="s">
        <v>315</v>
      </c>
      <c r="L35" s="10" t="s">
        <v>63</v>
      </c>
      <c r="M35" s="10" t="s">
        <v>64</v>
      </c>
      <c r="N35" s="10" t="s">
        <v>65</v>
      </c>
      <c r="O35" s="13" t="s">
        <v>66</v>
      </c>
      <c r="P35" s="10" t="s">
        <v>302</v>
      </c>
      <c r="Q35" s="10" t="s">
        <v>244</v>
      </c>
      <c r="R35" s="10" t="s">
        <v>245</v>
      </c>
      <c r="S35" s="10" t="s">
        <v>337</v>
      </c>
      <c r="T35" s="10" t="s">
        <v>246</v>
      </c>
      <c r="U35" s="10" t="s">
        <v>247</v>
      </c>
      <c r="V35" s="10" t="s">
        <v>248</v>
      </c>
      <c r="W35" s="10" t="s">
        <v>249</v>
      </c>
      <c r="X35" s="10" t="s">
        <v>250</v>
      </c>
      <c r="Y35" s="13" t="s">
        <v>313</v>
      </c>
    </row>
    <row r="36" spans="1:25" ht="18.75">
      <c r="A36" s="8">
        <v>150</v>
      </c>
      <c r="B36" s="8">
        <v>149</v>
      </c>
      <c r="C36" s="8">
        <v>148</v>
      </c>
      <c r="D36" s="8">
        <v>147</v>
      </c>
      <c r="E36" s="8">
        <v>146</v>
      </c>
      <c r="F36" s="8">
        <v>145</v>
      </c>
      <c r="G36" s="8">
        <v>144</v>
      </c>
      <c r="H36" s="8">
        <v>143</v>
      </c>
      <c r="I36" s="8">
        <v>142</v>
      </c>
      <c r="J36" s="8">
        <v>141</v>
      </c>
      <c r="K36" s="8">
        <v>140</v>
      </c>
      <c r="L36" s="5">
        <v>139</v>
      </c>
      <c r="M36" s="8">
        <v>138</v>
      </c>
      <c r="N36" s="8">
        <v>137</v>
      </c>
      <c r="O36" s="8">
        <v>136</v>
      </c>
      <c r="P36" s="8">
        <v>135</v>
      </c>
      <c r="Q36" s="8">
        <v>134</v>
      </c>
      <c r="R36" s="5">
        <v>133</v>
      </c>
      <c r="S36" s="8">
        <v>132</v>
      </c>
      <c r="T36" s="8">
        <v>131</v>
      </c>
      <c r="U36" s="5">
        <v>130</v>
      </c>
      <c r="V36" s="8">
        <v>129</v>
      </c>
      <c r="W36" s="8">
        <v>128</v>
      </c>
      <c r="X36" s="8">
        <v>127</v>
      </c>
      <c r="Y36" s="8">
        <v>126</v>
      </c>
    </row>
    <row r="37" spans="1:25" ht="10.5" customHeight="1">
      <c r="A37" s="9"/>
      <c r="B37" s="9"/>
      <c r="C37" s="9"/>
      <c r="D37" s="9"/>
      <c r="E37" s="9"/>
      <c r="F37" s="9"/>
      <c r="G37" s="9"/>
      <c r="H37" s="9"/>
      <c r="I37" s="9"/>
      <c r="J37" s="9"/>
      <c r="K37" s="9"/>
      <c r="L37" s="6"/>
      <c r="M37" s="9"/>
      <c r="N37" s="9"/>
      <c r="O37" s="9"/>
      <c r="P37" s="9"/>
      <c r="Q37" s="9"/>
      <c r="R37" s="6"/>
      <c r="S37" s="9"/>
      <c r="T37" s="9"/>
      <c r="U37" s="6"/>
      <c r="V37" s="9"/>
      <c r="W37" s="9"/>
      <c r="X37" s="9"/>
      <c r="Y37" s="9"/>
    </row>
    <row r="38" spans="1:25" ht="240.95" customHeight="1">
      <c r="A38" s="10" t="s">
        <v>251</v>
      </c>
      <c r="B38" s="10" t="s">
        <v>252</v>
      </c>
      <c r="C38" s="10" t="s">
        <v>253</v>
      </c>
      <c r="D38" s="10" t="s">
        <v>254</v>
      </c>
      <c r="E38" s="10" t="s">
        <v>255</v>
      </c>
      <c r="F38" s="10" t="s">
        <v>256</v>
      </c>
      <c r="G38" s="26" t="s">
        <v>376</v>
      </c>
      <c r="H38" s="10" t="s">
        <v>257</v>
      </c>
      <c r="I38" s="10" t="s">
        <v>258</v>
      </c>
      <c r="J38" s="10" t="s">
        <v>341</v>
      </c>
      <c r="K38" s="10" t="s">
        <v>259</v>
      </c>
      <c r="L38" s="13" t="s">
        <v>143</v>
      </c>
      <c r="M38" s="10" t="s">
        <v>144</v>
      </c>
      <c r="N38" s="10" t="s">
        <v>145</v>
      </c>
      <c r="O38" s="10" t="s">
        <v>338</v>
      </c>
      <c r="P38" s="10" t="s">
        <v>146</v>
      </c>
      <c r="Q38" s="10" t="s">
        <v>147</v>
      </c>
      <c r="R38" s="13" t="s">
        <v>148</v>
      </c>
      <c r="S38" s="10" t="s">
        <v>149</v>
      </c>
      <c r="T38" s="10" t="s">
        <v>150</v>
      </c>
      <c r="U38" s="13" t="s">
        <v>316</v>
      </c>
      <c r="V38" s="10" t="s">
        <v>260</v>
      </c>
      <c r="W38" s="10" t="s">
        <v>261</v>
      </c>
      <c r="X38" s="10" t="s">
        <v>262</v>
      </c>
      <c r="Y38" s="10" t="s">
        <v>377</v>
      </c>
    </row>
    <row r="39" spans="1:25" s="22" customFormat="1">
      <c r="A39" s="20"/>
      <c r="B39" s="20"/>
      <c r="C39" s="20"/>
      <c r="D39" s="20"/>
      <c r="E39" s="20"/>
      <c r="F39" s="20"/>
      <c r="G39" s="20"/>
      <c r="H39" s="20"/>
      <c r="I39" s="20"/>
      <c r="J39" s="20"/>
      <c r="K39" s="20"/>
      <c r="L39" s="21"/>
      <c r="M39" s="20"/>
      <c r="N39" s="20"/>
      <c r="O39" s="20"/>
      <c r="P39" s="20"/>
      <c r="Q39" s="20"/>
      <c r="R39" s="21"/>
      <c r="S39" s="20"/>
      <c r="T39" s="20"/>
      <c r="U39" s="21"/>
      <c r="V39" s="20"/>
      <c r="W39" s="20"/>
      <c r="X39" s="20"/>
      <c r="Y39" s="20"/>
    </row>
    <row r="40" spans="1:25" s="22" customFormat="1" ht="21" customHeight="1">
      <c r="A40" s="8">
        <v>150</v>
      </c>
      <c r="B40" s="8">
        <v>149</v>
      </c>
      <c r="C40" s="12">
        <v>148</v>
      </c>
      <c r="D40" s="12">
        <v>147</v>
      </c>
      <c r="E40" s="12">
        <v>146</v>
      </c>
      <c r="F40" s="12">
        <v>145</v>
      </c>
      <c r="G40" s="12">
        <v>144</v>
      </c>
      <c r="H40" s="12">
        <v>143</v>
      </c>
      <c r="I40" s="12">
        <v>142</v>
      </c>
      <c r="J40" s="12">
        <v>141</v>
      </c>
      <c r="K40" s="12">
        <v>140</v>
      </c>
      <c r="L40" s="12">
        <v>139</v>
      </c>
      <c r="M40" s="12">
        <v>138</v>
      </c>
      <c r="N40" s="12">
        <v>137</v>
      </c>
      <c r="O40" s="12">
        <v>136</v>
      </c>
      <c r="P40" s="12">
        <v>135</v>
      </c>
      <c r="Q40" s="12">
        <v>134</v>
      </c>
      <c r="R40" s="12">
        <v>133</v>
      </c>
      <c r="S40" s="12">
        <v>132</v>
      </c>
      <c r="T40" s="12">
        <v>131</v>
      </c>
      <c r="U40" s="12">
        <v>130</v>
      </c>
      <c r="V40" s="12">
        <v>129</v>
      </c>
      <c r="W40" s="12">
        <v>128</v>
      </c>
      <c r="X40" s="8">
        <v>127</v>
      </c>
      <c r="Y40" s="8">
        <v>126</v>
      </c>
    </row>
    <row r="41" spans="1:25" s="22" customFormat="1" ht="10.5" customHeight="1">
      <c r="A41" s="9"/>
      <c r="B41" s="9"/>
      <c r="C41" s="9"/>
      <c r="D41" s="9"/>
      <c r="E41" s="9"/>
      <c r="F41" s="9"/>
      <c r="G41" s="9"/>
      <c r="H41" s="9"/>
      <c r="I41" s="9"/>
      <c r="J41" s="9"/>
      <c r="K41" s="9"/>
      <c r="L41" s="6"/>
      <c r="M41" s="9"/>
      <c r="N41" s="9"/>
      <c r="O41" s="9"/>
      <c r="P41" s="9"/>
      <c r="Q41" s="9"/>
      <c r="R41" s="6"/>
      <c r="S41" s="9"/>
      <c r="T41" s="9"/>
      <c r="U41" s="6"/>
      <c r="V41" s="9"/>
      <c r="W41" s="9"/>
      <c r="X41" s="9"/>
      <c r="Y41" s="9"/>
    </row>
    <row r="42" spans="1:25" s="22" customFormat="1" ht="240.95" customHeight="1">
      <c r="A42" s="10" t="s">
        <v>263</v>
      </c>
      <c r="B42" s="10" t="s">
        <v>264</v>
      </c>
      <c r="C42" s="10" t="s">
        <v>265</v>
      </c>
      <c r="D42" s="10" t="s">
        <v>266</v>
      </c>
      <c r="E42" s="10" t="s">
        <v>267</v>
      </c>
      <c r="F42" s="10" t="s">
        <v>268</v>
      </c>
      <c r="G42" s="26" t="s">
        <v>352</v>
      </c>
      <c r="H42" s="10" t="s">
        <v>269</v>
      </c>
      <c r="I42" s="10" t="s">
        <v>270</v>
      </c>
      <c r="J42" s="10" t="s">
        <v>340</v>
      </c>
      <c r="K42" s="10" t="s">
        <v>271</v>
      </c>
      <c r="L42" s="13" t="s">
        <v>67</v>
      </c>
      <c r="M42" s="10" t="s">
        <v>68</v>
      </c>
      <c r="N42" s="10" t="s">
        <v>69</v>
      </c>
      <c r="O42" s="10" t="s">
        <v>339</v>
      </c>
      <c r="P42" s="10" t="s">
        <v>70</v>
      </c>
      <c r="Q42" s="10" t="s">
        <v>71</v>
      </c>
      <c r="R42" s="13" t="s">
        <v>72</v>
      </c>
      <c r="S42" s="10" t="s">
        <v>73</v>
      </c>
      <c r="T42" s="10" t="s">
        <v>74</v>
      </c>
      <c r="U42" s="13" t="s">
        <v>317</v>
      </c>
      <c r="V42" s="10" t="s">
        <v>272</v>
      </c>
      <c r="W42" s="10" t="s">
        <v>273</v>
      </c>
      <c r="X42" s="10" t="s">
        <v>274</v>
      </c>
      <c r="Y42" s="13" t="s">
        <v>353</v>
      </c>
    </row>
    <row r="43" spans="1:25" ht="15" customHeight="1">
      <c r="A43" s="8">
        <v>175</v>
      </c>
      <c r="B43" s="5">
        <v>174</v>
      </c>
      <c r="C43" s="8">
        <v>173</v>
      </c>
      <c r="D43" s="5">
        <v>172</v>
      </c>
      <c r="E43" s="8">
        <v>171</v>
      </c>
      <c r="F43" s="5">
        <v>170</v>
      </c>
      <c r="G43" s="8">
        <v>169</v>
      </c>
      <c r="H43" s="5">
        <v>168</v>
      </c>
      <c r="I43" s="5">
        <v>167</v>
      </c>
      <c r="J43" s="8">
        <v>166</v>
      </c>
      <c r="K43" s="5">
        <v>165</v>
      </c>
      <c r="L43" s="8">
        <v>164</v>
      </c>
      <c r="M43" s="8">
        <v>163</v>
      </c>
      <c r="N43" s="8">
        <v>162</v>
      </c>
      <c r="O43" s="8">
        <v>161</v>
      </c>
      <c r="P43" s="8">
        <v>160</v>
      </c>
      <c r="Q43" s="8">
        <v>159</v>
      </c>
      <c r="R43" s="5">
        <v>158</v>
      </c>
      <c r="S43" s="8">
        <v>157</v>
      </c>
      <c r="T43" s="5">
        <v>156</v>
      </c>
      <c r="U43" s="8">
        <v>155</v>
      </c>
      <c r="V43" s="5">
        <v>154</v>
      </c>
      <c r="W43" s="8">
        <v>153</v>
      </c>
      <c r="X43" s="8">
        <v>152</v>
      </c>
      <c r="Y43" s="8">
        <v>151</v>
      </c>
    </row>
    <row r="44" spans="1:25" s="19" customFormat="1" ht="9.75" customHeight="1">
      <c r="A44" s="9"/>
      <c r="B44" s="6"/>
      <c r="C44" s="9"/>
      <c r="D44" s="6"/>
      <c r="E44" s="9"/>
      <c r="F44" s="6"/>
      <c r="G44" s="9"/>
      <c r="H44" s="6"/>
      <c r="I44" s="6"/>
      <c r="J44" s="9"/>
      <c r="K44" s="6"/>
      <c r="L44" s="9"/>
      <c r="M44" s="9"/>
      <c r="N44" s="9"/>
      <c r="O44" s="9"/>
      <c r="P44" s="9"/>
      <c r="Q44" s="9"/>
      <c r="R44" s="6"/>
      <c r="S44" s="9"/>
      <c r="T44" s="6"/>
      <c r="U44" s="9"/>
      <c r="V44" s="6"/>
      <c r="W44" s="9"/>
      <c r="X44" s="9"/>
      <c r="Y44" s="9"/>
    </row>
    <row r="45" spans="1:25" ht="240.95" customHeight="1">
      <c r="A45" s="10" t="s">
        <v>275</v>
      </c>
      <c r="B45" s="13" t="s">
        <v>151</v>
      </c>
      <c r="C45" s="10" t="s">
        <v>343</v>
      </c>
      <c r="D45" s="13" t="s">
        <v>378</v>
      </c>
      <c r="E45" s="10" t="s">
        <v>152</v>
      </c>
      <c r="F45" s="13" t="s">
        <v>153</v>
      </c>
      <c r="G45" s="10" t="s">
        <v>154</v>
      </c>
      <c r="H45" s="13" t="s">
        <v>155</v>
      </c>
      <c r="I45" s="13" t="s">
        <v>156</v>
      </c>
      <c r="J45" s="10" t="s">
        <v>157</v>
      </c>
      <c r="K45" s="13" t="s">
        <v>379</v>
      </c>
      <c r="L45" s="10" t="s">
        <v>380</v>
      </c>
      <c r="M45" s="10" t="s">
        <v>381</v>
      </c>
      <c r="N45" s="10" t="s">
        <v>158</v>
      </c>
      <c r="O45" s="10" t="s">
        <v>276</v>
      </c>
      <c r="P45" s="10" t="s">
        <v>159</v>
      </c>
      <c r="Q45" s="10" t="s">
        <v>318</v>
      </c>
      <c r="R45" s="13" t="s">
        <v>160</v>
      </c>
      <c r="S45" s="10" t="s">
        <v>161</v>
      </c>
      <c r="T45" s="13" t="s">
        <v>162</v>
      </c>
      <c r="U45" s="10" t="s">
        <v>163</v>
      </c>
      <c r="V45" s="13" t="s">
        <v>164</v>
      </c>
      <c r="W45" s="10" t="s">
        <v>382</v>
      </c>
      <c r="X45" s="10" t="s">
        <v>277</v>
      </c>
      <c r="Y45" s="10" t="s">
        <v>278</v>
      </c>
    </row>
    <row r="46" spans="1:25">
      <c r="A46" s="20"/>
      <c r="B46" s="21"/>
      <c r="C46" s="20"/>
      <c r="D46" s="21"/>
      <c r="E46" s="20"/>
      <c r="F46" s="21"/>
      <c r="G46" s="20"/>
      <c r="H46" s="21"/>
      <c r="I46" s="21"/>
      <c r="J46" s="20"/>
      <c r="K46" s="21"/>
      <c r="L46" s="20"/>
      <c r="M46" s="20"/>
      <c r="N46" s="20"/>
      <c r="O46" s="20"/>
      <c r="P46" s="20"/>
      <c r="Q46" s="20"/>
      <c r="R46" s="21"/>
      <c r="S46" s="20"/>
      <c r="T46" s="21"/>
      <c r="U46" s="20"/>
      <c r="V46" s="21"/>
      <c r="W46" s="20"/>
      <c r="X46" s="20"/>
      <c r="Y46" s="20"/>
    </row>
    <row r="47" spans="1:25" s="22" customFormat="1" ht="21" customHeight="1">
      <c r="A47" s="8">
        <v>175</v>
      </c>
      <c r="B47" s="12">
        <v>174</v>
      </c>
      <c r="C47" s="12">
        <v>173</v>
      </c>
      <c r="D47" s="12">
        <v>172</v>
      </c>
      <c r="E47" s="12">
        <v>171</v>
      </c>
      <c r="F47" s="12">
        <v>170</v>
      </c>
      <c r="G47" s="12">
        <v>169</v>
      </c>
      <c r="H47" s="12">
        <v>168</v>
      </c>
      <c r="I47" s="12">
        <v>167</v>
      </c>
      <c r="J47" s="12">
        <v>166</v>
      </c>
      <c r="K47" s="12">
        <v>165</v>
      </c>
      <c r="L47" s="12">
        <v>164</v>
      </c>
      <c r="M47" s="12">
        <v>163</v>
      </c>
      <c r="N47" s="12">
        <v>162</v>
      </c>
      <c r="O47" s="12">
        <v>161</v>
      </c>
      <c r="P47" s="12">
        <v>160</v>
      </c>
      <c r="Q47" s="12">
        <v>159</v>
      </c>
      <c r="R47" s="12">
        <v>158</v>
      </c>
      <c r="S47" s="12">
        <v>157</v>
      </c>
      <c r="T47" s="12">
        <v>156</v>
      </c>
      <c r="U47" s="12">
        <v>155</v>
      </c>
      <c r="V47" s="12">
        <v>154</v>
      </c>
      <c r="W47" s="8">
        <v>153</v>
      </c>
      <c r="X47" s="8">
        <v>152</v>
      </c>
      <c r="Y47" s="8">
        <v>151</v>
      </c>
    </row>
    <row r="48" spans="1:25" s="23" customFormat="1" ht="9.75" customHeight="1">
      <c r="A48" s="9"/>
      <c r="B48" s="16"/>
      <c r="C48" s="16"/>
      <c r="D48" s="16"/>
      <c r="E48" s="16"/>
      <c r="F48" s="16"/>
      <c r="G48" s="16"/>
      <c r="H48" s="16"/>
      <c r="I48" s="16"/>
      <c r="J48" s="16"/>
      <c r="K48" s="16"/>
      <c r="L48" s="16"/>
      <c r="M48" s="16"/>
      <c r="N48" s="16"/>
      <c r="O48" s="16"/>
      <c r="P48" s="16"/>
      <c r="Q48" s="16"/>
      <c r="R48" s="16"/>
      <c r="S48" s="16"/>
      <c r="T48" s="16"/>
      <c r="U48" s="16"/>
      <c r="V48" s="16"/>
      <c r="W48" s="9"/>
      <c r="X48" s="9"/>
      <c r="Y48" s="9"/>
    </row>
    <row r="49" spans="1:25" s="22" customFormat="1" ht="240.95" customHeight="1">
      <c r="A49" s="10" t="s">
        <v>279</v>
      </c>
      <c r="B49" s="17" t="s">
        <v>75</v>
      </c>
      <c r="C49" s="17" t="s">
        <v>342</v>
      </c>
      <c r="D49" s="17" t="s">
        <v>76</v>
      </c>
      <c r="E49" s="17" t="s">
        <v>77</v>
      </c>
      <c r="F49" s="17" t="s">
        <v>78</v>
      </c>
      <c r="G49" s="17" t="s">
        <v>79</v>
      </c>
      <c r="H49" s="17" t="s">
        <v>80</v>
      </c>
      <c r="I49" s="17" t="s">
        <v>81</v>
      </c>
      <c r="J49" s="17" t="s">
        <v>82</v>
      </c>
      <c r="K49" s="13" t="s">
        <v>354</v>
      </c>
      <c r="L49" s="10" t="s">
        <v>355</v>
      </c>
      <c r="M49" s="10" t="s">
        <v>356</v>
      </c>
      <c r="N49" s="17" t="s">
        <v>83</v>
      </c>
      <c r="O49" s="17" t="s">
        <v>84</v>
      </c>
      <c r="P49" s="17" t="s">
        <v>85</v>
      </c>
      <c r="Q49" s="17" t="s">
        <v>319</v>
      </c>
      <c r="R49" s="17" t="s">
        <v>86</v>
      </c>
      <c r="S49" s="17" t="s">
        <v>87</v>
      </c>
      <c r="T49" s="17" t="s">
        <v>175</v>
      </c>
      <c r="U49" s="17" t="s">
        <v>88</v>
      </c>
      <c r="V49" s="17" t="s">
        <v>89</v>
      </c>
      <c r="W49" s="10" t="s">
        <v>280</v>
      </c>
      <c r="X49" s="10" t="s">
        <v>281</v>
      </c>
      <c r="Y49" s="10" t="s">
        <v>282</v>
      </c>
    </row>
    <row r="50" spans="1:25" ht="18.75">
      <c r="A50" s="5">
        <v>200</v>
      </c>
      <c r="B50" s="5">
        <v>199</v>
      </c>
      <c r="C50" s="8">
        <v>198</v>
      </c>
      <c r="D50" s="8">
        <v>197</v>
      </c>
      <c r="E50" s="8">
        <v>196</v>
      </c>
      <c r="F50" s="8">
        <v>195</v>
      </c>
      <c r="G50" s="5">
        <v>194</v>
      </c>
      <c r="H50" s="8">
        <v>193</v>
      </c>
      <c r="I50" s="5">
        <v>192</v>
      </c>
      <c r="J50" s="8">
        <v>191</v>
      </c>
      <c r="K50" s="5">
        <v>190</v>
      </c>
      <c r="L50" s="8">
        <v>189</v>
      </c>
      <c r="M50" s="8">
        <v>188</v>
      </c>
      <c r="N50" s="8">
        <v>187</v>
      </c>
      <c r="O50" s="8">
        <v>186</v>
      </c>
      <c r="P50" s="8">
        <v>185</v>
      </c>
      <c r="Q50" s="8">
        <v>184</v>
      </c>
      <c r="R50" s="8">
        <v>183</v>
      </c>
      <c r="S50" s="8">
        <v>182</v>
      </c>
      <c r="T50" s="8">
        <v>181</v>
      </c>
      <c r="U50" s="8">
        <v>180</v>
      </c>
      <c r="V50" s="5">
        <v>179</v>
      </c>
      <c r="W50" s="8">
        <v>178</v>
      </c>
      <c r="X50" s="8">
        <v>177</v>
      </c>
      <c r="Y50" s="8">
        <v>176</v>
      </c>
    </row>
    <row r="51" spans="1:25" ht="10.5" customHeight="1">
      <c r="A51" s="6"/>
      <c r="B51" s="6"/>
      <c r="C51" s="9"/>
      <c r="D51" s="9"/>
      <c r="E51" s="9"/>
      <c r="F51" s="9"/>
      <c r="G51" s="6"/>
      <c r="H51" s="9"/>
      <c r="I51" s="6"/>
      <c r="J51" s="9"/>
      <c r="K51" s="6"/>
      <c r="L51" s="9"/>
      <c r="M51" s="9"/>
      <c r="N51" s="9"/>
      <c r="O51" s="9"/>
      <c r="P51" s="9"/>
      <c r="Q51" s="9"/>
      <c r="R51" s="9"/>
      <c r="S51" s="9"/>
      <c r="T51" s="9"/>
      <c r="U51" s="9"/>
      <c r="V51" s="6"/>
      <c r="W51" s="9"/>
      <c r="X51" s="9"/>
      <c r="Y51" s="9"/>
    </row>
    <row r="52" spans="1:25" ht="240.95" customHeight="1">
      <c r="A52" s="13" t="s">
        <v>165</v>
      </c>
      <c r="B52" s="13" t="s">
        <v>166</v>
      </c>
      <c r="C52" s="11" t="s">
        <v>167</v>
      </c>
      <c r="D52" s="11" t="s">
        <v>168</v>
      </c>
      <c r="E52" s="10" t="s">
        <v>169</v>
      </c>
      <c r="F52" s="11" t="s">
        <v>170</v>
      </c>
      <c r="G52" s="14" t="s">
        <v>171</v>
      </c>
      <c r="H52" s="10" t="s">
        <v>324</v>
      </c>
      <c r="I52" s="13" t="s">
        <v>172</v>
      </c>
      <c r="J52" s="10" t="s">
        <v>383</v>
      </c>
      <c r="K52" s="13" t="s">
        <v>283</v>
      </c>
      <c r="L52" s="10" t="s">
        <v>384</v>
      </c>
      <c r="M52" s="10" t="s">
        <v>385</v>
      </c>
      <c r="N52" s="10" t="s">
        <v>176</v>
      </c>
      <c r="O52" s="10" t="s">
        <v>322</v>
      </c>
      <c r="P52" s="10" t="s">
        <v>345</v>
      </c>
      <c r="Q52" s="10" t="s">
        <v>177</v>
      </c>
      <c r="R52" s="10" t="s">
        <v>386</v>
      </c>
      <c r="S52" s="10" t="s">
        <v>387</v>
      </c>
      <c r="T52" s="10" t="s">
        <v>178</v>
      </c>
      <c r="U52" s="10" t="s">
        <v>388</v>
      </c>
      <c r="V52" s="13" t="s">
        <v>321</v>
      </c>
      <c r="W52" s="10" t="s">
        <v>284</v>
      </c>
      <c r="X52" s="10" t="s">
        <v>285</v>
      </c>
      <c r="Y52" s="10" t="s">
        <v>286</v>
      </c>
    </row>
    <row r="53" spans="1:25" s="22" customFormat="1">
      <c r="A53" s="21"/>
      <c r="B53" s="21"/>
      <c r="C53" s="20"/>
      <c r="D53" s="20"/>
      <c r="E53" s="20"/>
      <c r="F53" s="20"/>
      <c r="G53" s="21"/>
      <c r="H53" s="20"/>
      <c r="I53" s="21"/>
      <c r="J53" s="20"/>
      <c r="K53" s="21"/>
      <c r="L53" s="20"/>
      <c r="M53" s="20"/>
      <c r="N53" s="20"/>
      <c r="O53" s="20"/>
      <c r="P53" s="20"/>
      <c r="Q53" s="20"/>
      <c r="R53" s="20"/>
      <c r="S53" s="20"/>
      <c r="T53" s="20"/>
      <c r="U53" s="20"/>
      <c r="V53" s="21"/>
      <c r="W53" s="20"/>
      <c r="X53" s="20"/>
      <c r="Y53" s="20"/>
    </row>
    <row r="54" spans="1:25" s="22" customFormat="1" ht="21" customHeight="1">
      <c r="A54" s="12">
        <v>200</v>
      </c>
      <c r="B54" s="12">
        <v>199</v>
      </c>
      <c r="C54" s="12">
        <v>198</v>
      </c>
      <c r="D54" s="12">
        <v>197</v>
      </c>
      <c r="E54" s="12">
        <v>196</v>
      </c>
      <c r="F54" s="12">
        <v>195</v>
      </c>
      <c r="G54" s="12">
        <v>194</v>
      </c>
      <c r="H54" s="12">
        <v>193</v>
      </c>
      <c r="I54" s="12">
        <v>192</v>
      </c>
      <c r="J54" s="12">
        <v>191</v>
      </c>
      <c r="K54" s="12">
        <v>190</v>
      </c>
      <c r="L54" s="12">
        <v>189</v>
      </c>
      <c r="M54" s="12">
        <v>188</v>
      </c>
      <c r="N54" s="12">
        <v>187</v>
      </c>
      <c r="O54" s="12">
        <v>186</v>
      </c>
      <c r="P54" s="12">
        <v>185</v>
      </c>
      <c r="Q54" s="12">
        <v>184</v>
      </c>
      <c r="R54" s="12">
        <v>183</v>
      </c>
      <c r="S54" s="12">
        <v>182</v>
      </c>
      <c r="T54" s="12">
        <v>181</v>
      </c>
      <c r="U54" s="12">
        <v>180</v>
      </c>
      <c r="V54" s="12">
        <v>179</v>
      </c>
      <c r="W54" s="12">
        <v>178</v>
      </c>
      <c r="X54" s="12">
        <v>177</v>
      </c>
      <c r="Y54" s="5">
        <v>176</v>
      </c>
    </row>
    <row r="55" spans="1:25" s="22" customFormat="1" ht="10.5" customHeight="1">
      <c r="A55" s="16"/>
      <c r="B55" s="16"/>
      <c r="C55" s="16"/>
      <c r="D55" s="16"/>
      <c r="E55" s="16"/>
      <c r="F55" s="16"/>
      <c r="G55" s="16"/>
      <c r="H55" s="16"/>
      <c r="I55" s="16"/>
      <c r="J55" s="16"/>
      <c r="K55" s="16"/>
      <c r="L55" s="16"/>
      <c r="M55" s="16"/>
      <c r="N55" s="16"/>
      <c r="O55" s="16"/>
      <c r="P55" s="16"/>
      <c r="Q55" s="16"/>
      <c r="R55" s="16"/>
      <c r="S55" s="16"/>
      <c r="T55" s="16"/>
      <c r="U55" s="16"/>
      <c r="V55" s="16"/>
      <c r="W55" s="16"/>
      <c r="X55" s="16"/>
      <c r="Y55" s="9"/>
    </row>
    <row r="56" spans="1:25" s="24" customFormat="1" ht="240.95" customHeight="1">
      <c r="A56" s="17" t="s">
        <v>90</v>
      </c>
      <c r="B56" s="17" t="s">
        <v>91</v>
      </c>
      <c r="C56" s="17" t="s">
        <v>92</v>
      </c>
      <c r="D56" s="17" t="s">
        <v>93</v>
      </c>
      <c r="E56" s="17" t="s">
        <v>94</v>
      </c>
      <c r="F56" s="17" t="s">
        <v>95</v>
      </c>
      <c r="G56" s="17" t="s">
        <v>96</v>
      </c>
      <c r="H56" s="10" t="s">
        <v>325</v>
      </c>
      <c r="I56" s="17" t="s">
        <v>97</v>
      </c>
      <c r="J56" s="17" t="s">
        <v>357</v>
      </c>
      <c r="K56" s="17" t="s">
        <v>409</v>
      </c>
      <c r="L56" s="17" t="s">
        <v>99</v>
      </c>
      <c r="M56" s="10" t="s">
        <v>358</v>
      </c>
      <c r="N56" s="17" t="s">
        <v>100</v>
      </c>
      <c r="O56" s="10" t="s">
        <v>323</v>
      </c>
      <c r="P56" s="17" t="s">
        <v>344</v>
      </c>
      <c r="Q56" s="17" t="s">
        <v>101</v>
      </c>
      <c r="R56" s="10" t="s">
        <v>359</v>
      </c>
      <c r="S56" s="10" t="s">
        <v>360</v>
      </c>
      <c r="T56" s="17" t="s">
        <v>102</v>
      </c>
      <c r="U56" s="17" t="s">
        <v>103</v>
      </c>
      <c r="V56" s="17" t="s">
        <v>320</v>
      </c>
      <c r="W56" s="17" t="s">
        <v>179</v>
      </c>
      <c r="X56" s="17" t="s">
        <v>180</v>
      </c>
      <c r="Y56" s="13" t="s">
        <v>287</v>
      </c>
    </row>
    <row r="57" spans="1:25">
      <c r="A57" s="25"/>
      <c r="B57" s="25"/>
      <c r="C57" s="25"/>
      <c r="D57" s="25"/>
      <c r="E57" s="25"/>
      <c r="F57" s="25"/>
      <c r="G57" s="25"/>
      <c r="H57" s="25"/>
      <c r="I57" s="25"/>
      <c r="J57" s="25"/>
      <c r="K57" s="25"/>
      <c r="L57" s="25"/>
      <c r="M57" s="25"/>
      <c r="N57" s="25"/>
      <c r="O57" s="25"/>
      <c r="P57" s="25"/>
      <c r="Q57" s="25"/>
      <c r="R57" s="25"/>
      <c r="S57" s="25"/>
      <c r="T57" s="25"/>
      <c r="U57" s="25"/>
      <c r="V57" s="25"/>
      <c r="W57" s="25"/>
      <c r="X57" s="25"/>
      <c r="Y57" s="25"/>
    </row>
    <row r="58" spans="1:25">
      <c r="A58" s="25"/>
      <c r="B58" s="25"/>
      <c r="C58" s="25"/>
      <c r="D58" s="25"/>
      <c r="E58" s="25"/>
      <c r="F58" s="25"/>
      <c r="G58" s="25"/>
      <c r="H58" s="25"/>
      <c r="I58" s="25"/>
      <c r="J58" s="25"/>
      <c r="K58" s="25"/>
      <c r="L58" s="25"/>
      <c r="M58" s="25"/>
      <c r="N58" s="25"/>
      <c r="O58" s="25"/>
      <c r="P58" s="25"/>
      <c r="Q58" s="25"/>
      <c r="R58" s="25"/>
      <c r="S58" s="25"/>
      <c r="T58" s="25"/>
      <c r="U58" s="25"/>
      <c r="V58" s="25"/>
      <c r="W58" s="25"/>
      <c r="X58" s="25"/>
      <c r="Y58" s="25"/>
    </row>
    <row r="59" spans="1:25">
      <c r="A59" s="25"/>
      <c r="B59" s="25"/>
      <c r="C59" s="25"/>
      <c r="D59" s="25"/>
      <c r="E59" s="25"/>
      <c r="F59" s="25"/>
      <c r="G59" s="25"/>
      <c r="H59" s="25"/>
      <c r="I59" s="25"/>
      <c r="J59" s="25"/>
      <c r="K59" s="25"/>
      <c r="L59" s="25"/>
      <c r="M59" s="25"/>
      <c r="N59" s="25"/>
      <c r="O59" s="25"/>
      <c r="P59" s="25"/>
      <c r="Q59" s="25"/>
      <c r="R59" s="25"/>
      <c r="S59" s="25"/>
      <c r="T59" s="25"/>
      <c r="U59" s="25"/>
      <c r="V59" s="25"/>
      <c r="W59" s="25"/>
      <c r="X59" s="25"/>
      <c r="Y59" s="25"/>
    </row>
    <row r="60" spans="1:25">
      <c r="A60" s="25"/>
      <c r="B60" s="25"/>
      <c r="C60" s="25"/>
      <c r="D60" s="25"/>
      <c r="E60" s="25"/>
      <c r="F60" s="25"/>
      <c r="G60" s="25"/>
      <c r="H60" s="25"/>
      <c r="I60" s="25"/>
      <c r="J60" s="25"/>
      <c r="K60" s="25"/>
      <c r="L60" s="25"/>
      <c r="M60" s="25"/>
      <c r="N60" s="25"/>
      <c r="O60" s="25"/>
      <c r="P60" s="25"/>
      <c r="Q60" s="25"/>
      <c r="R60" s="25"/>
      <c r="S60" s="25"/>
      <c r="T60" s="25"/>
      <c r="U60" s="25"/>
      <c r="V60" s="25"/>
      <c r="W60" s="25"/>
      <c r="X60" s="25"/>
      <c r="Y60" s="25"/>
    </row>
    <row r="61" spans="1:25">
      <c r="A61" s="25"/>
      <c r="B61" s="25"/>
      <c r="C61" s="25"/>
      <c r="D61" s="25"/>
      <c r="E61" s="25"/>
      <c r="F61" s="25"/>
      <c r="G61" s="25"/>
      <c r="H61" s="25"/>
      <c r="I61" s="25"/>
      <c r="J61" s="25"/>
      <c r="K61" s="25"/>
      <c r="L61" s="25"/>
      <c r="M61" s="25"/>
      <c r="N61" s="25"/>
      <c r="O61" s="25"/>
      <c r="P61" s="25"/>
      <c r="Q61" s="25"/>
      <c r="R61" s="25"/>
      <c r="S61" s="25"/>
      <c r="T61" s="25"/>
      <c r="U61" s="25"/>
      <c r="V61" s="25"/>
      <c r="W61" s="25"/>
      <c r="X61" s="25"/>
      <c r="Y61" s="25"/>
    </row>
    <row r="62" spans="1:25">
      <c r="A62" s="25"/>
      <c r="B62" s="25"/>
      <c r="C62" s="25"/>
      <c r="D62" s="25"/>
      <c r="E62" s="25"/>
      <c r="F62" s="25"/>
      <c r="G62" s="25"/>
      <c r="H62" s="25"/>
      <c r="I62" s="25"/>
      <c r="J62" s="25"/>
      <c r="K62" s="25"/>
      <c r="L62" s="25"/>
      <c r="M62" s="25"/>
      <c r="N62" s="25"/>
      <c r="O62" s="25"/>
      <c r="P62" s="25"/>
      <c r="Q62" s="25"/>
      <c r="R62" s="25"/>
      <c r="S62" s="25"/>
      <c r="T62" s="25"/>
      <c r="U62" s="25"/>
      <c r="V62" s="25"/>
      <c r="W62" s="25"/>
      <c r="X62" s="25"/>
      <c r="Y62" s="25"/>
    </row>
    <row r="63" spans="1:25">
      <c r="A63" s="25"/>
      <c r="B63" s="25"/>
      <c r="C63" s="25"/>
      <c r="D63" s="25"/>
      <c r="E63" s="25"/>
      <c r="F63" s="25"/>
      <c r="G63" s="25"/>
      <c r="H63" s="25"/>
      <c r="I63" s="25"/>
      <c r="J63" s="25"/>
      <c r="K63" s="25"/>
      <c r="L63" s="25"/>
      <c r="M63" s="25"/>
      <c r="N63" s="25"/>
      <c r="O63" s="25"/>
      <c r="P63" s="25"/>
      <c r="Q63" s="25"/>
      <c r="R63" s="25"/>
      <c r="S63" s="25"/>
      <c r="T63" s="25"/>
      <c r="U63" s="25"/>
      <c r="V63" s="25"/>
      <c r="W63" s="25"/>
      <c r="X63" s="25"/>
      <c r="Y63" s="25"/>
    </row>
    <row r="64" spans="1:25">
      <c r="A64" s="25"/>
      <c r="B64" s="25"/>
      <c r="C64" s="25"/>
      <c r="D64" s="25"/>
      <c r="E64" s="25"/>
      <c r="F64" s="25"/>
      <c r="G64" s="25"/>
      <c r="H64" s="25"/>
      <c r="I64" s="25"/>
      <c r="J64" s="25"/>
      <c r="K64" s="25"/>
      <c r="L64" s="25"/>
      <c r="M64" s="25"/>
      <c r="N64" s="25"/>
      <c r="O64" s="25"/>
      <c r="P64" s="25"/>
      <c r="Q64" s="25"/>
      <c r="R64" s="25"/>
      <c r="S64" s="25"/>
      <c r="T64" s="25"/>
      <c r="U64" s="25"/>
      <c r="V64" s="25"/>
      <c r="W64" s="25"/>
      <c r="X64" s="25"/>
      <c r="Y64" s="25"/>
    </row>
    <row r="65" spans="1:25">
      <c r="A65" s="25"/>
      <c r="B65" s="25"/>
      <c r="C65" s="25"/>
      <c r="D65" s="25"/>
      <c r="E65" s="25"/>
      <c r="F65" s="25"/>
      <c r="G65" s="25"/>
      <c r="H65" s="25"/>
      <c r="I65" s="25"/>
      <c r="J65" s="25"/>
      <c r="K65" s="25"/>
      <c r="L65" s="25"/>
      <c r="M65" s="25"/>
      <c r="N65" s="25"/>
      <c r="O65" s="25"/>
      <c r="P65" s="25"/>
      <c r="Q65" s="25"/>
      <c r="R65" s="25"/>
      <c r="S65" s="25"/>
      <c r="T65" s="25"/>
      <c r="U65" s="25"/>
      <c r="V65" s="25"/>
      <c r="W65" s="25"/>
      <c r="X65" s="25"/>
      <c r="Y65" s="25"/>
    </row>
    <row r="66" spans="1:25">
      <c r="A66" s="25"/>
      <c r="B66" s="25"/>
      <c r="C66" s="25"/>
      <c r="D66" s="25"/>
      <c r="E66" s="25"/>
      <c r="F66" s="25"/>
      <c r="G66" s="25"/>
      <c r="H66" s="25"/>
      <c r="I66" s="25"/>
      <c r="J66" s="25"/>
      <c r="K66" s="25"/>
      <c r="L66" s="25"/>
      <c r="M66" s="25"/>
      <c r="N66" s="25"/>
      <c r="O66" s="25"/>
      <c r="P66" s="25"/>
      <c r="Q66" s="25"/>
      <c r="R66" s="25"/>
      <c r="S66" s="25"/>
      <c r="T66" s="25"/>
      <c r="U66" s="25"/>
      <c r="V66" s="25"/>
      <c r="W66" s="25"/>
      <c r="X66" s="25"/>
      <c r="Y66" s="25"/>
    </row>
    <row r="67" spans="1:25">
      <c r="A67" s="25"/>
      <c r="B67" s="25"/>
      <c r="C67" s="25"/>
      <c r="D67" s="25"/>
      <c r="E67" s="25"/>
      <c r="F67" s="25"/>
      <c r="G67" s="25"/>
      <c r="H67" s="25"/>
      <c r="I67" s="25"/>
      <c r="J67" s="25"/>
      <c r="K67" s="25"/>
      <c r="L67" s="25"/>
      <c r="M67" s="25"/>
      <c r="N67" s="25"/>
      <c r="O67" s="25"/>
      <c r="P67" s="25"/>
      <c r="Q67" s="25"/>
      <c r="R67" s="25"/>
      <c r="S67" s="25"/>
      <c r="T67" s="25"/>
      <c r="U67" s="25"/>
      <c r="V67" s="25"/>
      <c r="W67" s="25"/>
      <c r="X67" s="25"/>
      <c r="Y67" s="25"/>
    </row>
    <row r="68" spans="1:25">
      <c r="A68" s="25"/>
      <c r="B68" s="25"/>
      <c r="C68" s="25"/>
      <c r="D68" s="25"/>
      <c r="E68" s="25"/>
      <c r="F68" s="25"/>
      <c r="G68" s="25"/>
      <c r="H68" s="25"/>
      <c r="I68" s="25"/>
      <c r="J68" s="25"/>
      <c r="K68" s="25"/>
      <c r="L68" s="25"/>
      <c r="M68" s="25"/>
      <c r="N68" s="25"/>
      <c r="O68" s="25"/>
      <c r="P68" s="25"/>
      <c r="Q68" s="25"/>
      <c r="R68" s="25"/>
      <c r="S68" s="25"/>
      <c r="T68" s="25"/>
      <c r="U68" s="25"/>
      <c r="V68" s="25"/>
      <c r="W68" s="25"/>
      <c r="X68" s="25"/>
      <c r="Y68" s="25"/>
    </row>
    <row r="69" spans="1:25">
      <c r="A69" s="25"/>
      <c r="B69" s="25"/>
      <c r="C69" s="25"/>
      <c r="D69" s="25"/>
      <c r="E69" s="25"/>
      <c r="F69" s="25"/>
      <c r="G69" s="25"/>
      <c r="H69" s="25"/>
      <c r="I69" s="25"/>
      <c r="J69" s="25"/>
      <c r="K69" s="25"/>
      <c r="L69" s="25"/>
      <c r="M69" s="25"/>
      <c r="N69" s="25"/>
      <c r="O69" s="25"/>
      <c r="P69" s="25"/>
      <c r="Q69" s="25"/>
      <c r="R69" s="25"/>
      <c r="S69" s="25"/>
      <c r="T69" s="25"/>
      <c r="U69" s="25"/>
      <c r="V69" s="25"/>
      <c r="W69" s="25"/>
      <c r="X69" s="25"/>
      <c r="Y69" s="25"/>
    </row>
    <row r="70" spans="1:25">
      <c r="A70" s="25"/>
      <c r="B70" s="25"/>
      <c r="C70" s="25"/>
      <c r="D70" s="25"/>
      <c r="E70" s="25"/>
      <c r="F70" s="25"/>
      <c r="G70" s="25"/>
      <c r="H70" s="25"/>
      <c r="I70" s="25"/>
      <c r="J70" s="25"/>
      <c r="K70" s="25"/>
      <c r="L70" s="25"/>
      <c r="M70" s="25"/>
      <c r="N70" s="25"/>
      <c r="O70" s="25"/>
      <c r="P70" s="25"/>
      <c r="Q70" s="25"/>
      <c r="R70" s="25"/>
      <c r="S70" s="25"/>
      <c r="T70" s="25"/>
      <c r="U70" s="25"/>
      <c r="V70" s="25"/>
      <c r="W70" s="25"/>
      <c r="X70" s="25"/>
      <c r="Y70" s="25"/>
    </row>
    <row r="71" spans="1:25">
      <c r="A71" s="25"/>
      <c r="B71" s="25"/>
      <c r="C71" s="25"/>
      <c r="D71" s="25"/>
      <c r="E71" s="25"/>
      <c r="F71" s="25"/>
      <c r="G71" s="25"/>
      <c r="H71" s="25"/>
      <c r="I71" s="25"/>
      <c r="J71" s="25"/>
      <c r="K71" s="25"/>
      <c r="L71" s="25"/>
      <c r="M71" s="25"/>
      <c r="N71" s="25"/>
      <c r="O71" s="25"/>
      <c r="P71" s="25"/>
      <c r="Q71" s="25"/>
      <c r="R71" s="25"/>
      <c r="S71" s="25"/>
      <c r="T71" s="25"/>
      <c r="U71" s="25"/>
      <c r="V71" s="25"/>
      <c r="W71" s="25"/>
      <c r="X71" s="25"/>
      <c r="Y71" s="25"/>
    </row>
    <row r="72" spans="1:25">
      <c r="A72" s="25"/>
      <c r="B72" s="25"/>
      <c r="C72" s="25"/>
      <c r="D72" s="25"/>
      <c r="E72" s="25"/>
      <c r="F72" s="25"/>
      <c r="G72" s="25"/>
      <c r="H72" s="25"/>
      <c r="I72" s="25"/>
      <c r="J72" s="25"/>
      <c r="K72" s="25"/>
      <c r="L72" s="25"/>
      <c r="M72" s="25"/>
      <c r="N72" s="25"/>
      <c r="O72" s="25"/>
      <c r="P72" s="25"/>
      <c r="Q72" s="25"/>
      <c r="R72" s="25"/>
      <c r="S72" s="25"/>
      <c r="T72" s="25"/>
      <c r="U72" s="25"/>
      <c r="V72" s="25"/>
      <c r="W72" s="25"/>
      <c r="X72" s="25"/>
      <c r="Y72" s="25"/>
    </row>
    <row r="73" spans="1:25">
      <c r="A73" s="25"/>
      <c r="B73" s="25"/>
      <c r="C73" s="25"/>
      <c r="D73" s="25"/>
      <c r="E73" s="25"/>
      <c r="F73" s="25"/>
      <c r="G73" s="25"/>
      <c r="H73" s="25"/>
      <c r="I73" s="25"/>
      <c r="J73" s="25"/>
      <c r="K73" s="25"/>
      <c r="L73" s="25"/>
      <c r="M73" s="25"/>
      <c r="N73" s="25"/>
      <c r="O73" s="25"/>
      <c r="P73" s="25"/>
      <c r="Q73" s="25"/>
      <c r="R73" s="25"/>
      <c r="S73" s="25"/>
      <c r="T73" s="25"/>
      <c r="U73" s="25"/>
      <c r="V73" s="25"/>
      <c r="W73" s="25"/>
      <c r="X73" s="25"/>
      <c r="Y73" s="25"/>
    </row>
    <row r="74" spans="1:25">
      <c r="A74" s="25"/>
      <c r="B74" s="25"/>
      <c r="C74" s="25"/>
      <c r="D74" s="25"/>
      <c r="E74" s="25"/>
      <c r="F74" s="25"/>
      <c r="G74" s="25"/>
      <c r="H74" s="25"/>
      <c r="I74" s="25"/>
      <c r="J74" s="25"/>
      <c r="K74" s="25"/>
      <c r="L74" s="25"/>
      <c r="M74" s="25"/>
      <c r="N74" s="25"/>
      <c r="O74" s="25"/>
      <c r="P74" s="25"/>
      <c r="Q74" s="25"/>
      <c r="R74" s="25"/>
      <c r="S74" s="25"/>
      <c r="T74" s="25"/>
      <c r="U74" s="25"/>
      <c r="V74" s="25"/>
      <c r="W74" s="25"/>
      <c r="X74" s="25"/>
      <c r="Y74" s="25"/>
    </row>
    <row r="75" spans="1:25">
      <c r="A75" s="25"/>
      <c r="B75" s="25"/>
      <c r="C75" s="25"/>
      <c r="D75" s="25"/>
      <c r="E75" s="25"/>
      <c r="F75" s="25"/>
      <c r="G75" s="25"/>
      <c r="H75" s="25"/>
      <c r="I75" s="25"/>
      <c r="J75" s="25"/>
      <c r="K75" s="25"/>
      <c r="L75" s="25"/>
      <c r="M75" s="25"/>
      <c r="N75" s="25"/>
      <c r="O75" s="25"/>
      <c r="P75" s="25"/>
      <c r="Q75" s="25"/>
      <c r="R75" s="25"/>
      <c r="S75" s="25"/>
      <c r="T75" s="25"/>
      <c r="U75" s="25"/>
      <c r="V75" s="25"/>
      <c r="W75" s="25"/>
      <c r="X75" s="25"/>
      <c r="Y75" s="25"/>
    </row>
    <row r="76" spans="1:25">
      <c r="A76" s="25"/>
      <c r="B76" s="25"/>
      <c r="C76" s="25"/>
      <c r="D76" s="25"/>
      <c r="E76" s="25"/>
      <c r="F76" s="25"/>
      <c r="G76" s="25"/>
      <c r="H76" s="25"/>
      <c r="I76" s="25"/>
      <c r="J76" s="25"/>
      <c r="K76" s="25"/>
      <c r="L76" s="25"/>
      <c r="M76" s="25"/>
      <c r="N76" s="25"/>
      <c r="O76" s="25"/>
      <c r="P76" s="25"/>
      <c r="Q76" s="25"/>
      <c r="R76" s="25"/>
      <c r="S76" s="25"/>
      <c r="T76" s="25"/>
      <c r="U76" s="25"/>
      <c r="V76" s="25"/>
      <c r="W76" s="25"/>
      <c r="X76" s="25"/>
      <c r="Y76" s="25"/>
    </row>
    <row r="77" spans="1:25">
      <c r="A77" s="25"/>
      <c r="B77" s="25"/>
      <c r="C77" s="25"/>
      <c r="D77" s="25"/>
      <c r="E77" s="25"/>
      <c r="F77" s="25"/>
      <c r="G77" s="25"/>
      <c r="H77" s="25"/>
      <c r="I77" s="25"/>
      <c r="J77" s="25"/>
      <c r="K77" s="25"/>
      <c r="L77" s="25"/>
      <c r="M77" s="25"/>
      <c r="N77" s="25"/>
      <c r="O77" s="25"/>
      <c r="P77" s="25"/>
      <c r="Q77" s="25"/>
      <c r="R77" s="25"/>
      <c r="S77" s="25"/>
      <c r="T77" s="25"/>
      <c r="U77" s="25"/>
      <c r="V77" s="25"/>
      <c r="W77" s="25"/>
      <c r="X77" s="25"/>
      <c r="Y77" s="25"/>
    </row>
    <row r="78" spans="1:25">
      <c r="A78" s="25"/>
      <c r="B78" s="25"/>
      <c r="C78" s="25"/>
      <c r="D78" s="25"/>
      <c r="E78" s="25"/>
      <c r="F78" s="25"/>
      <c r="G78" s="25"/>
      <c r="H78" s="25"/>
      <c r="I78" s="25"/>
      <c r="J78" s="25"/>
      <c r="K78" s="25"/>
      <c r="L78" s="25"/>
      <c r="M78" s="25"/>
      <c r="N78" s="25"/>
      <c r="O78" s="25"/>
      <c r="P78" s="25"/>
      <c r="Q78" s="25"/>
      <c r="R78" s="25"/>
      <c r="S78" s="25"/>
      <c r="T78" s="25"/>
      <c r="U78" s="25"/>
      <c r="V78" s="25"/>
      <c r="W78" s="25"/>
      <c r="X78" s="25"/>
      <c r="Y78" s="25"/>
    </row>
  </sheetData>
  <phoneticPr fontId="1"/>
  <pageMargins left="0.31496062992125984" right="0.31496062992125984" top="0.62" bottom="0.55000000000000004" header="0.3" footer="0.27559055118110237"/>
  <pageSetup paperSize="9" scale="97" orientation="landscape" r:id="rId1"/>
  <headerFooter>
    <oddHeader>&amp;C&amp;"HGS教科書体,ﾒﾃﾞｨｳﾑ"&amp;16令和2年度印西漢字マスター　５・６級　　練習問題　　　　学校　　年　　組　名前[　　　　　　　　　]</oddHeader>
    <oddFooter xml:space="preserve">&amp;C&amp;P / &amp;N </oddFooter>
  </headerFooter>
  <rowBreaks count="7" manualBreakCount="7">
    <brk id="7" max="16383" man="1"/>
    <brk id="14" max="16383" man="1"/>
    <brk id="21" max="16383" man="1"/>
    <brk id="28" max="16383" man="1"/>
    <brk id="35" max="16383" man="1"/>
    <brk id="42" max="16383" man="1"/>
    <brk id="4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読み</vt:lpstr>
      <vt:lpstr>書き</vt:lpstr>
      <vt:lpstr>書き・読みセット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umu</dc:creator>
  <cp:lastModifiedBy>印西市教育委員会</cp:lastModifiedBy>
  <cp:lastPrinted>2020-06-15T04:38:08Z</cp:lastPrinted>
  <dcterms:created xsi:type="dcterms:W3CDTF">2014-08-05T00:10:06Z</dcterms:created>
  <dcterms:modified xsi:type="dcterms:W3CDTF">2020-06-15T08:15:05Z</dcterms:modified>
</cp:coreProperties>
</file>